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enbridge.sharepoint.com/teams/EB-2022-02002024Rebasing/Decision and Rate Order  Phase 1/Rate Order/Working Papers - Rates/"/>
    </mc:Choice>
  </mc:AlternateContent>
  <xr:revisionPtr revIDLastSave="15" documentId="14_{CDF2C8BA-C0FE-4061-894D-EDC2EF0BEA03}" xr6:coauthVersionLast="47" xr6:coauthVersionMax="47" xr10:uidLastSave="{9B19A0C2-9F35-489F-AA3D-A935FB77C0C9}"/>
  <bookViews>
    <workbookView xWindow="57480" yWindow="-6660" windowWidth="29040" windowHeight="15840" xr2:uid="{CC29889A-3783-4239-93D0-586C9E9ADC42}"/>
  </bookViews>
  <sheets>
    <sheet name="Appendix A" sheetId="1" r:id="rId1"/>
  </sheets>
  <externalReferences>
    <externalReference r:id="rId2"/>
    <externalReference r:id="rId3"/>
    <externalReference r:id="rId4"/>
  </externalReferences>
  <definedNames>
    <definedName name="\a">#REF!</definedName>
    <definedName name="\e" localSheetId="0">'Appendix A'!#REF!</definedName>
    <definedName name="\e">'[1]T1 S1.1 (old)'!#REF!</definedName>
    <definedName name="\i" localSheetId="0">'Appendix A'!#REF!</definedName>
    <definedName name="\i">'[1]T1 S1.1 (old)'!#REF!</definedName>
    <definedName name="\p">#REF!</definedName>
    <definedName name="\x" localSheetId="0">'Appendix A'!#REF!</definedName>
    <definedName name="\x">'[1]T1 S1.1 (old)'!#REF!</definedName>
    <definedName name="_Regression_Int" localSheetId="0" hidden="1">1</definedName>
    <definedName name="ACwvu.Schedule._.1._.P._.1." localSheetId="0" hidden="1">'Appendix A'!$A$1:$J$43</definedName>
    <definedName name="ACwvu.Schedule._.1._.P._.2." localSheetId="0" hidden="1">'[1]T3 S1.2'!$A$3:$N$56</definedName>
    <definedName name="ACwvu.Schedule._.1._.P._.3." localSheetId="0" hidden="1">'Appendix A'!$O$121:$Y$121</definedName>
    <definedName name="ACwvu.Schedule._.1._.P._.4." localSheetId="0" hidden="1">'[1]T3 S1.3'!$A$17:$N$28</definedName>
    <definedName name="ACwvu.Schedule._.1._.P._.5." localSheetId="0" hidden="1">'Appendix A'!$O$180:$Y$182</definedName>
    <definedName name="ACwvu.Schedule._.1._.P._.6." localSheetId="0" hidden="1">'[1]T3 S1.4'!$A$13:$N$70</definedName>
    <definedName name="CurrentYear">[2]Input!$B$6</definedName>
    <definedName name="Demand_Dawn_to_Parkway">'[3]Detail Model'!$U$26</definedName>
    <definedName name="Demand_FromDawn_Ojibway">'[3]Detail Model'!$U$85</definedName>
    <definedName name="Demand_Rate_M12_Dawn_to_Kirkwall">'[3]Detail Model'!$U$23</definedName>
    <definedName name="EV__EVCOM_OPTIONS__" hidden="1">8</definedName>
    <definedName name="EV__EXPOPTIONS__" hidden="1">0</definedName>
    <definedName name="EV__LASTREFTIME__" hidden="1">41247.4113888889</definedName>
    <definedName name="EV__MAXEXPCOLS__" hidden="1">100</definedName>
    <definedName name="EV__MAXEXPROWS__" hidden="1">200000</definedName>
    <definedName name="EV__MEMORYCVW__" hidden="1">0</definedName>
    <definedName name="EV__USERCHANGEOPTIONS__" hidden="1">1</definedName>
    <definedName name="EV__WBEVMODE__" hidden="1">0</definedName>
    <definedName name="EV__WBREFOPTIONS__" hidden="1">134217728</definedName>
    <definedName name="EV__WBVERSION__" hidden="1">0</definedName>
    <definedName name="Fuel_UFG_West_to_Dawn_M16">#REF!</definedName>
    <definedName name="fuel_UFG_West_to_Pool_M16">#REF!</definedName>
    <definedName name="GSAdminChg">#REF!</definedName>
    <definedName name="Monthly_Fixed_Charge_M13_Large">'[3]Detail Model'!$U$181</definedName>
    <definedName name="Monthly_Fixed_Charge_M13_Typical">'[3]Detail Model'!$U$180</definedName>
    <definedName name="page26">#REF!</definedName>
    <definedName name="page27">#REF!</definedName>
    <definedName name="paolo" hidden="1">{#N/A,#N/A,FALSE,"H3 Tab 1"}</definedName>
    <definedName name="_xlnm.Print_Area" localSheetId="0">'Appendix A'!$A$1:$N$669</definedName>
    <definedName name="Print_Area_MI" localSheetId="0">'Appendix A'!#REF!</definedName>
    <definedName name="Print_Area_MI">'[1]T1 S1.1 (old)'!#REF!</definedName>
    <definedName name="Swvu.Schedule._.1._.P._.1." localSheetId="0" hidden="1">'Appendix A'!$A$1:$J$43</definedName>
    <definedName name="Swvu.Schedule._.1._.P._.2." localSheetId="0" hidden="1">'[1]T3 S1.2'!$A$3:$N$56</definedName>
    <definedName name="Swvu.Schedule._.1._.P._.3." localSheetId="0" hidden="1">'Appendix A'!$O$121:$Y$121</definedName>
    <definedName name="Swvu.Schedule._.1._.P._.4." localSheetId="0" hidden="1">'[1]T3 S1.3'!$A$17:$N$28</definedName>
    <definedName name="Swvu.Schedule._.1._.P._.5." localSheetId="0" hidden="1">'Appendix A'!$O$180:$Y$182</definedName>
    <definedName name="Swvu.Schedule._.1._.P._.6." localSheetId="0" hidden="1">'[1]T3 S1.4'!$A$13:$N$70</definedName>
    <definedName name="wrn.all._.exh._.without._.typicals." hidden="1">{"pg1",#N/A,FALSE,"T4 S1.1";"pg 2",#N/A,FALSE,"T4 S1.2";"pg3",#N/A,FALSE,"T4 S2.1";"Exh 3 - Pg 1",#N/A,FALSE,"T4 S3.1-6";"Exh 3 - Pg 2",#N/A,FALSE,"T4 S3.1-6";"Exh 3 - Pg 3",#N/A,FALSE,"T4 S3.1-6";"Exh 3 - Pg 4",#N/A,FALSE,"T4 S3.1-6";"Exh 4 - P1",#N/A,FALSE,"T4 S4.1-3";"Exh 4 - P2",#N/A,FALSE,"T4 S4.1-3";"Exh 4 - P3",#N/A,FALSE,"T4 S4.1-3";"Exh 4 - P4",#N/A,FALSE,"T4 S4.1-3";"Exh 5 - P1",#N/A,FALSE,"T4 S3.1-6";"Exh 5 - P2",#N/A,FALSE,"T4 S3.1-6";"Exh 5 - P3",#N/A,FALSE,"T4 S3.1-6";"Exh 5 - P4",#N/A,FALSE,"T4 S3.1-6";"Exh 5 - P5",#N/A,FALSE,"T4 S5.1-13";"Exh 5 - P6",#N/A,FALSE,"T4 S5.1-13";"Exh 5 - P7",#N/A,FALSE,"T4 S5.1-13";"Exh 5 - P8",#N/A,FALSE,"T4 S5.1-13"}</definedName>
    <definedName name="wrn.ALL._.EXHIBITS." hidden="1">{"T4 S1.1",#N/A,FALSE,"T4 S1.1";"Exh 1 - P2 vols &amp; rev",#N/A,FALSE,"T4 S1.2";"Exh 2 - Pg 1 rev comp by rate",#N/A,FALSE,"T4 S2.1";"T4 S3.1",#N/A,FALSE,"T4 S3.1";"T4 S3.2",#N/A,FALSE,"T4 S3.2";"T4 S3.3",#N/A,FALSE,"T4 S3.3";"T4 S3.4",#N/A,FALSE,"T4 S3.4";"T4 S4.1",#N/A,FALSE,"T4 S4.1";"T4 S4.2",#N/A,FALSE,"T4 S4.2";"T4 S4.3",#N/A,FALSE,"T4 S4.3";"T4 S5.1",#N/A,FALSE,"T4 S5.1";"T4 S5.2",#N/A,FALSE,"T4 S5.2";"T4 S5.3",#N/A,FALSE,"T4 S5.3";"T4 S5.4",#N/A,FALSE,"T4 S5.4";"T4 S5.5",#N/A,FALSE,"T4 S5.5";"T4 S5.6",#N/A,FALSE,"T4 S5.6";"T4 S5.7",#N/A,FALSE,"T4 S5.7";"T4 S5.8",#N/A,FALSE,"T4 S5.8";"T4 S6.1",#N/A,FALSE,"T4 S6.1";"T4 S6.2",#N/A,FALSE,"T4 S6.2";"T4 S6.3",#N/A,FALSE,"T4 S6.3";"T4 S6.4",#N/A,FALSE,"T4 S6.4";"T4 S6.5",#N/A,FALSE,"T4 S6.5";"T4 S6.6",#N/A,FALSE,"T4 S6.6";"T4 S6.7",#N/A,FALSE,"T4 S6.7";"T4 S6.8",#N/A,FALSE,"T4 S6.8"}</definedName>
    <definedName name="wrn.ALL._.NEW._.TYPICALS." hidden="1">{"NEW RES TYP PAGE 1",#N/A,FALSE,"NEW R1 RES TYP";"NEW RES TYP PAGE 2",#N/A,FALSE,"NEW R1 RES TYP";"NEW COM-IND TYP PAGE 1",#N/A,FALSE,"NEW R1 RES TYP";"NEW COM-IND TYP PAGE 2",#N/A,FALSE,"NEW R1 RES TYP";"NEW LV COM-IND TYP PAGE 1",#N/A,FALSE,"NEW R1 RES TYP";"NEW LV COM-IND TYP PAGE 2",#N/A,FALSE,"NEW R1 RES TYP";"NEW LV COM-IND TYP PAGE 3",#N/A,FALSE,"NEW R1 RES TYP";"NEW LV COM-IND TYP PAGE 4",#N/A,FALSE,"NEW R1 RES TYP"}</definedName>
    <definedName name="wrn.Backup." hidden="1">{#N/A,#N/A,FALSE,"Margins";#N/A,#N/A,FALSE,"Fuel $";#N/A,#N/A,FALSE,"Fuel";#N/A,#N/A,FALSE,"M12 Storage";#N/A,#N/A,FALSE,"M12 Transport";#N/A,#N/A,FALSE,"M12 OR";#N/A,#N/A,FALSE,"C1 OR"}</definedName>
    <definedName name="wrn.GAS._.COST._.EXHIBITS." hidden="1">{"Exh 4 - P1 Gas Supply",#N/A,FALSE,"T4 S4.1-2";"Exh 4 - P2 Load Balancing",#N/A,FALSE,"T4 S4.1-2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Print._.All." hidden="1">{#N/A,#N/A,FALSE,"Dday-Cust#";#N/A,#N/A,FALSE,"Cascade";#N/A,#N/A,FALSE,"LF Rate 10,16";#N/A,#N/A,FALSE,"Direct Supply Source";#N/A,#N/A,FALSE,"Direct-DSM";#N/A,#N/A,FALSE,"Regulators";#N/A,#N/A,FALSE,"BS Admin etc..";#N/A,#N/A,FALSE,"Sole Mains";#N/A,#N/A,FALSE,"Sole M&amp;R";#N/A,#N/A,FALSE,"Joint-Sole-Grid-CIAC";#N/A,#N/A,FALSE,"COG";#N/A,#N/A,FALSE,"Gas Supply"}</definedName>
    <definedName name="wrn.RevProof." hidden="1">{#N/A,#N/A,FALSE,"RevProof"}</definedName>
    <definedName name="wrn.Schedules." hidden="1">{#N/A,#N/A,FALSE,"Filed Sheet";#N/A,#N/A,FALSE,"Schedule C";#N/A,#N/A,FALSE,"Appendix A"}</definedName>
    <definedName name="wvu.Schedule._.1._.P._.1." localSheetId="0" hidden="1">{TRUE,TRUE,-1.25,-15.5,456.75,255.75,FALSE,TRUE,TRUE,TRUE,0,1,#N/A,1,#N/A,9.44776119402985,25.1666666666667,1,FALSE,FALSE,3,TRUE,1,FALSE,75,"Swvu.Schedule._.1._.P._.1.","ACwvu.Schedule._.1._.P._.1.",#N/A,FALSE,FALSE,0.75,0,0.4,0,1,"","",TRUE,FALSE,FALSE,FALSE,1,78,#N/A,#N/A,"=R1C1:R69C11",FALSE,#N/A,#N/A,TRUE,FALSE,TRUE,1,65532,65532,FALSE,FALSE,TRUE,TRUE,TRUE}</definedName>
    <definedName name="wvu.Schedule._.1._.P._.2." localSheetId="0" hidden="1">{TRUE,TRUE,-1.25,-15.5,456.75,255.75,FALSE,TRUE,TRUE,TRUE,0,16,#N/A,73,#N/A,9.44776119402985,25.75,1,FALSE,FALSE,3,TRUE,1,FALSE,75,"Swvu.Schedule._.1._.P._.2.","ACwvu.Schedule._.1._.P._.2.",#N/A,FALSE,FALSE,0.75,0,0.4,0,1,"","",TRUE,FALSE,FALSE,FALSE,1,78,#N/A,#N/A,"=R73C16:R149C26",FALSE,#N/A,#N/A,TRUE,FALSE,TRUE,1,65532,65532,FALSE,FALSE,TRUE,TRUE,TRUE}</definedName>
    <definedName name="wvu.Schedule._.1._.P._.3." localSheetId="0" hidden="1">{TRUE,TRUE,-1.25,-15.5,456.75,255.75,FALSE,TRUE,TRUE,TRUE,0,16,#N/A,155,#N/A,9.44776119402985,25.5,1,FALSE,FALSE,3,TRUE,1,FALSE,75,"Swvu.Schedule._.1._.P._.3.","ACwvu.Schedule._.1._.P._.3.",#N/A,FALSE,FALSE,0.75,0,0.4,0,1,"","",TRUE,FALSE,FALSE,FALSE,1,78,#N/A,#N/A,"=R155C16:R225C26",FALSE,#N/A,#N/A,TRUE,FALSE,TRUE,1,65532,65532,FALSE,FALSE,TRUE,TRUE,TRUE}</definedName>
    <definedName name="wvu.Schedule._.1._.P._.4." localSheetId="0" hidden="1">{TRUE,TRUE,-1.25,-15.5,456.75,255.75,FALSE,TRUE,TRUE,TRUE,0,16,#N/A,231,#N/A,9.44776119402985,25.5,1,FALSE,FALSE,3,TRUE,1,FALSE,75,"Swvu.Schedule._.1._.P._.4.","ACwvu.Schedule._.1._.P._.4.",#N/A,FALSE,FALSE,0.75,0,0.4,0,1,"","",TRUE,FALSE,FALSE,FALSE,1,78,#N/A,#N/A,"=R231C16:R303C26",FALSE,#N/A,#N/A,TRUE,FALSE,TRUE,1,65532,65532,FALSE,FALSE,TRUE,TRUE,TRUE}</definedName>
    <definedName name="wvu.Schedule._.1._.P._.5." localSheetId="0" hidden="1">{TRUE,TRUE,-1.25,-15.5,456.75,255.75,FALSE,TRUE,TRUE,TRUE,0,16,#N/A,310,#N/A,9.44776119402985,25.3333333333333,1,FALSE,FALSE,3,TRUE,1,FALSE,75,"Swvu.Schedule._.1._.P._.5.","ACwvu.Schedule._.1._.P._.5.",#N/A,FALSE,FALSE,0.75,0,0.4,0,1,"","",TRUE,FALSE,FALSE,FALSE,1,78,#N/A,#N/A,"=R310C16:R358C26",FALSE,#N/A,#N/A,TRUE,FALSE,TRUE,1,65532,65532,FALSE,FALSE,TRUE,TRUE,TRUE}</definedName>
    <definedName name="wvu.Schedule._.1._.P._.6." localSheetId="0" hidden="1">{TRUE,TRUE,-1.25,-15.5,456.75,255.75,FALSE,TRUE,TRUE,TRUE,0,16,#N/A,363,#N/A,9.44776119402985,24,1,FALSE,FALSE,3,TRUE,1,FALSE,75,"Swvu.Schedule._.1._.P._.6.","ACwvu.Schedule._.1._.P._.6.",#N/A,FALSE,FALSE,0.75,0,0.4,0,1,"","",TRUE,FALSE,FALSE,FALSE,1,78,#N/A,#N/A,"=R363C16:R419C26",FALSE,#N/A,#N/A,TRUE,FALSE,TRUE,1,65532,65532,FALSE,FALSE,TRUE,TRUE,TRUE}</definedName>
    <definedName name="Z_03216896_582A_4275_9F71_EC829E74F501_.wvu.PrintArea" localSheetId="0" hidden="1">'Appendix A'!$A$1:$J$70</definedName>
    <definedName name="Z_13A1B49D_BE8A_4A34_9DE7_57C682154965_.wvu.PrintArea" localSheetId="0" hidden="1">'Appendix A'!$A$1:$J$70</definedName>
    <definedName name="Z_26272691_5274_4288_90D4_382E5772F19F_.wvu.PrintArea" localSheetId="0" hidden="1">'Appendix A'!$A$1:$J$70</definedName>
    <definedName name="Z_291C2213_AB60_49BF_92D4_1627BB1C3573_.wvu.PrintArea" localSheetId="0" hidden="1">'Appendix A'!$A$1:$J$70</definedName>
    <definedName name="Z_36D11777_0EF2_4820_BD6C_43D39D712CD5_.wvu.PrintArea" localSheetId="0" hidden="1">'Appendix A'!$A$1:$J$70</definedName>
    <definedName name="Z_4325006E_C831_43D3_9B03_994D3B9AC624_.wvu.PrintArea" localSheetId="0" hidden="1">'Appendix A'!$A$1:$J$70</definedName>
    <definedName name="Z_4C6F7691_61E3_4281_A0A0_99F736425324_.wvu.PrintArea" localSheetId="0" hidden="1">'[1]T3 S1.2'!$A$3:$N$56</definedName>
    <definedName name="Z_4D76C81C_8D53_4518_B2D1_022B7104C7D3_.wvu.PrintArea" localSheetId="0" hidden="1">'Appendix A'!$A$1:$J$70</definedName>
    <definedName name="Z_54C4D6D9_B3AA_4515_B42B_A05AF63D9501_.wvu.PrintArea" localSheetId="0" hidden="1">'Appendix A'!$A$1:$J$70</definedName>
    <definedName name="Z_80BA3269_9A62_47B3_8D47_134B616EAB09_.wvu.PrintArea" localSheetId="0" hidden="1">'Appendix A'!$A$1:$J$70</definedName>
    <definedName name="Z_8530360A_34F6_4596_87BE_6025490F3FFE_.wvu.PrintArea" localSheetId="0" hidden="1">'Appendix A'!$A$1:$J$70</definedName>
    <definedName name="Z_9FF5325E_7A25_433E_AFC4_63C0C98C7181_.wvu.PrintArea" localSheetId="0" hidden="1">'Appendix A'!$A$1:$J$70</definedName>
    <definedName name="Z_AA111F9E_52B5_49E2_9B1B_43DC5EDE33F8_.wvu.PrintArea" localSheetId="0" hidden="1">'Appendix A'!$A$1:$J$70</definedName>
    <definedName name="Z_B47B7980_9269_4C69_A8B4_906371C24137_.wvu.PrintArea" localSheetId="0" hidden="1">'Appendix A'!$A$1:$J$70</definedName>
    <definedName name="Z_B5251273_7F92_46B9_8A96_ED77916E0C0B_.wvu.PrintArea" localSheetId="0" hidden="1">'Appendix A'!$A$1:$J$70</definedName>
    <definedName name="Z_B9483924_244C_46F7_9601_5E894BC397D0_.wvu.PrintArea" localSheetId="0" hidden="1">'Appendix A'!$A$1:$J$70</definedName>
    <definedName name="Z_BAFA5847_51D3_431E_9082_1B06B839B4B5_.wvu.PrintArea" localSheetId="0" hidden="1">'Appendix A'!$A$1:$J$70</definedName>
    <definedName name="Z_BC176845_E097_4178_BA98_45C72AF2F081_.wvu.PrintArea" localSheetId="0" hidden="1">'Appendix A'!$A$1:$J$70</definedName>
    <definedName name="Z_C14D4097_A4EF_4F47_8E45_4032DBCBAA99_.wvu.PrintArea" localSheetId="0" hidden="1">'Appendix A'!$A$1:$J$70</definedName>
    <definedName name="Z_C286D361_7C40_487D_96AB_A7901328B6B2_.wvu.PrintArea" localSheetId="0" hidden="1">'[1]T3 S1.4'!$A$13:$N$70</definedName>
    <definedName name="Z_C8320B38_8C6D_48E4_B02C_979114D8106C_.wvu.PrintArea" localSheetId="0" hidden="1">'Appendix A'!$A$1:$J$70</definedName>
    <definedName name="Z_DE5AF50C_C45B_4DAF_B625_F6AD5FA84B39_.wvu.PrintArea" localSheetId="0" hidden="1">'Appendix A'!$A$1:$J$70</definedName>
    <definedName name="Z_DEDDA5DA_C0F1_44C9_A69E_79A52ED631CC_.wvu.PrintArea" localSheetId="0" hidden="1">'Appendix A'!$A$1:$J$70</definedName>
    <definedName name="Z_ECDD18D8_5E22_4BA5_811F_CD83020A8FAF_.wvu.PrintArea" localSheetId="0" hidden="1">'Appendix A'!$A$1:$J$70</definedName>
    <definedName name="Z_ED640ABD_53F9_44DC_BAD2_6A5A7E6141AB_.wvu.PrintArea" localSheetId="0" hidden="1">'Appendix A'!$A$1:$J$70</definedName>
    <definedName name="Z_F51EC656_2EA8_4452_B2B6_1AAC85AC2A95_.wvu.PrintArea" localSheetId="0" hidden="1">'[1]T3 S1.2'!$A$3:$N$56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17" i="1" l="1"/>
  <c r="A18" i="1" l="1"/>
  <c r="A19" i="1" l="1"/>
  <c r="A20" i="1" s="1"/>
  <c r="A22" i="1" l="1"/>
  <c r="A23" i="1" l="1"/>
  <c r="A24" i="1" l="1"/>
  <c r="A26" i="1" l="1"/>
  <c r="A29" i="1" s="1"/>
  <c r="A31" i="1" s="1"/>
  <c r="A32" i="1" l="1"/>
  <c r="A33" i="1" s="1"/>
  <c r="A34" i="1" l="1"/>
  <c r="A35" i="1" s="1"/>
  <c r="A36" i="1" s="1"/>
  <c r="A38" i="1" s="1"/>
  <c r="A39" i="1" s="1"/>
  <c r="A40" i="1" s="1"/>
  <c r="A42" i="1" s="1"/>
  <c r="A45" i="1" s="1"/>
  <c r="A46" i="1" s="1"/>
  <c r="A48" i="1" l="1"/>
  <c r="A49" i="1" s="1"/>
  <c r="A50" i="1" l="1"/>
  <c r="A52" i="1" l="1"/>
  <c r="A53" i="1" l="1"/>
  <c r="A54" i="1" l="1"/>
  <c r="A56" i="1" s="1"/>
  <c r="A59" i="1" l="1"/>
  <c r="A60" i="1" l="1"/>
  <c r="A62" i="1" s="1"/>
  <c r="A63" i="1" l="1"/>
  <c r="A65" i="1" l="1"/>
  <c r="A66" i="1" l="1"/>
  <c r="A67" i="1" l="1"/>
  <c r="A69" i="1" l="1"/>
  <c r="A72" i="1" l="1"/>
  <c r="A73" i="1" l="1"/>
  <c r="A75" i="1" l="1"/>
  <c r="A76" i="1" l="1"/>
  <c r="A78" i="1" l="1"/>
  <c r="A79" i="1" l="1"/>
  <c r="A80" i="1" l="1"/>
  <c r="A82" i="1" l="1"/>
  <c r="A98" i="1" l="1"/>
  <c r="A99" i="1" l="1"/>
  <c r="A102" i="1" s="1"/>
  <c r="A105" i="1" l="1"/>
  <c r="A106" i="1" l="1"/>
  <c r="A107" i="1" l="1"/>
  <c r="A111" i="1" s="1"/>
  <c r="A112" i="1" s="1"/>
  <c r="A113" i="1" s="1"/>
  <c r="A115" i="1" s="1"/>
  <c r="A116" i="1" s="1"/>
  <c r="A117" i="1" s="1"/>
  <c r="A119" i="1" l="1"/>
  <c r="A122" i="1" l="1"/>
  <c r="A123" i="1" s="1"/>
  <c r="A125" i="1" l="1"/>
  <c r="A126" i="1" s="1"/>
  <c r="A127" i="1" l="1"/>
  <c r="A129" i="1" s="1"/>
  <c r="A130" i="1" s="1"/>
  <c r="A131" i="1" s="1"/>
  <c r="A133" i="1" s="1"/>
  <c r="A136" i="1" s="1"/>
  <c r="A137" i="1" s="1"/>
  <c r="A139" i="1" l="1"/>
  <c r="A140" i="1" s="1"/>
  <c r="A142" i="1" l="1"/>
  <c r="A143" i="1" s="1"/>
  <c r="A144" i="1" s="1"/>
  <c r="A146" i="1" s="1"/>
  <c r="A149" i="1" s="1"/>
  <c r="A150" i="1" s="1"/>
  <c r="A151" i="1" s="1"/>
  <c r="A153" i="1" s="1"/>
  <c r="A154" i="1" s="1"/>
  <c r="A155" i="1" s="1"/>
  <c r="A157" i="1" s="1"/>
  <c r="A177" i="1" l="1"/>
  <c r="A178" i="1" s="1"/>
  <c r="A181" i="1" s="1"/>
  <c r="A182" i="1" s="1"/>
  <c r="A185" i="1" s="1"/>
  <c r="A186" i="1" s="1"/>
  <c r="A187" i="1" s="1"/>
  <c r="A188" i="1" s="1"/>
  <c r="A191" i="1" s="1"/>
  <c r="A192" i="1" s="1"/>
  <c r="A193" i="1" l="1"/>
  <c r="A194" i="1" s="1"/>
  <c r="A198" i="1" s="1"/>
  <c r="A239" i="1" s="1"/>
  <c r="A241" i="1" s="1"/>
  <c r="A242" i="1" s="1"/>
  <c r="A243" i="1" s="1"/>
  <c r="A244" i="1" s="1"/>
  <c r="A245" i="1" s="1"/>
  <c r="A247" i="1" l="1"/>
  <c r="A248" i="1" s="1"/>
  <c r="A250" i="1" s="1"/>
  <c r="A251" i="1" s="1"/>
  <c r="A253" i="1" l="1"/>
  <c r="A254" i="1" s="1"/>
  <c r="A257" i="1" s="1"/>
  <c r="A259" i="1" s="1"/>
  <c r="A260" i="1" s="1"/>
  <c r="A261" i="1" s="1"/>
  <c r="A262" i="1" s="1"/>
  <c r="A263" i="1" s="1"/>
  <c r="A265" i="1" s="1"/>
  <c r="A266" i="1" s="1"/>
  <c r="A268" i="1" l="1"/>
  <c r="A269" i="1" s="1"/>
  <c r="A271" i="1" l="1"/>
  <c r="A272" i="1" s="1"/>
  <c r="A275" i="1" s="1"/>
  <c r="A277" i="1" s="1"/>
  <c r="A278" i="1" s="1"/>
  <c r="A280" i="1" s="1"/>
  <c r="A281" i="1" s="1"/>
  <c r="A284" i="1" s="1"/>
  <c r="A285" i="1" s="1"/>
  <c r="A287" i="1" s="1"/>
  <c r="A288" i="1" s="1"/>
  <c r="A290" i="1" l="1"/>
  <c r="A291" i="1" s="1"/>
  <c r="A294" i="1" s="1"/>
  <c r="A295" i="1" s="1"/>
  <c r="A297" i="1" s="1"/>
  <c r="A298" i="1" s="1"/>
  <c r="A314" i="1" s="1"/>
  <c r="A315" i="1" s="1"/>
  <c r="A318" i="1" s="1"/>
  <c r="A319" i="1" s="1"/>
  <c r="A322" i="1" s="1"/>
  <c r="A323" i="1" s="1"/>
  <c r="A324" i="1" s="1"/>
  <c r="A327" i="1" s="1"/>
  <c r="A328" i="1" s="1"/>
  <c r="A330" i="1" s="1"/>
  <c r="A331" i="1" s="1"/>
  <c r="A333" i="1" s="1"/>
  <c r="A334" i="1" s="1"/>
  <c r="A337" i="1" s="1"/>
  <c r="A338" i="1" s="1"/>
  <c r="A340" i="1" s="1"/>
  <c r="A341" i="1" s="1"/>
  <c r="A358" i="1" s="1"/>
  <c r="A360" i="1" s="1"/>
  <c r="A361" i="1" s="1"/>
  <c r="A362" i="1" s="1"/>
  <c r="A364" i="1" s="1"/>
  <c r="A366" i="1" s="1"/>
  <c r="A369" i="1" s="1"/>
  <c r="A371" i="1" s="1"/>
  <c r="A372" i="1" s="1"/>
  <c r="A373" i="1" s="1"/>
  <c r="A374" i="1" s="1"/>
  <c r="A376" i="1" s="1"/>
  <c r="A378" i="1" s="1"/>
  <c r="A382" i="1" s="1"/>
  <c r="A383" i="1" s="1"/>
  <c r="A384" i="1" s="1"/>
  <c r="A386" i="1" s="1"/>
  <c r="A387" i="1" s="1"/>
  <c r="A389" i="1" l="1"/>
  <c r="A392" i="1" s="1"/>
  <c r="A393" i="1" s="1"/>
  <c r="A395" i="1" l="1"/>
  <c r="A396" i="1" s="1"/>
  <c r="A400" i="1" l="1"/>
  <c r="A401" i="1" s="1"/>
  <c r="A404" i="1" s="1"/>
  <c r="A406" i="1" s="1"/>
  <c r="A407" i="1" s="1"/>
  <c r="A408" i="1" s="1"/>
  <c r="A409" i="1" s="1"/>
  <c r="A410" i="1" s="1"/>
  <c r="A412" i="1" l="1"/>
  <c r="A413" i="1" s="1"/>
  <c r="A415" i="1" s="1"/>
  <c r="A419" i="1" s="1"/>
  <c r="A420" i="1" s="1"/>
  <c r="A423" i="1" l="1"/>
  <c r="A424" i="1" s="1"/>
  <c r="A426" i="1" s="1"/>
  <c r="A429" i="1" s="1"/>
  <c r="A430" i="1" s="1"/>
  <c r="A432" i="1" s="1"/>
  <c r="A449" i="1" l="1"/>
  <c r="A452" i="1" s="1"/>
  <c r="A453" i="1" s="1"/>
  <c r="A455" i="1" s="1"/>
  <c r="A456" i="1" s="1"/>
  <c r="A458" i="1" s="1"/>
  <c r="A462" i="1" s="1"/>
  <c r="A464" i="1" s="1"/>
  <c r="A465" i="1" s="1"/>
  <c r="A466" i="1" s="1"/>
  <c r="A467" i="1" s="1"/>
  <c r="A469" i="1" s="1"/>
  <c r="A471" i="1" s="1"/>
  <c r="A474" i="1" s="1"/>
  <c r="A477" i="1" l="1"/>
  <c r="A478" i="1" s="1"/>
  <c r="A480" i="1" s="1"/>
  <c r="A481" i="1" l="1"/>
  <c r="A483" i="1" s="1"/>
  <c r="A487" i="1" s="1"/>
  <c r="A489" i="1" s="1"/>
  <c r="A490" i="1" l="1"/>
  <c r="A491" i="1" s="1"/>
  <c r="A492" i="1" s="1"/>
  <c r="A494" i="1" s="1"/>
  <c r="A496" i="1" s="1"/>
  <c r="A499" i="1" s="1"/>
  <c r="A501" i="1" s="1"/>
  <c r="A502" i="1" s="1"/>
  <c r="A504" i="1" l="1"/>
  <c r="A506" i="1" s="1"/>
  <c r="A508" i="1" s="1"/>
  <c r="A510" i="1" s="1"/>
  <c r="A511" i="1" s="1"/>
  <c r="A512" i="1" l="1"/>
  <c r="A513" i="1" l="1"/>
  <c r="A515" i="1" l="1"/>
  <c r="A517" i="1" l="1"/>
  <c r="A534" i="1" l="1"/>
  <c r="A535" i="1" l="1"/>
  <c r="A538" i="1" l="1"/>
  <c r="A539" i="1" l="1"/>
  <c r="A543" i="1" l="1"/>
  <c r="M318" i="1"/>
  <c r="A544" i="1" l="1"/>
  <c r="M319" i="1"/>
  <c r="A545" i="1" l="1"/>
  <c r="A546" i="1" l="1"/>
  <c r="A547" i="1" l="1"/>
  <c r="A550" i="1" l="1"/>
  <c r="A551" i="1" l="1"/>
  <c r="A554" i="1" l="1"/>
  <c r="A558" i="1" l="1"/>
  <c r="A559" i="1" s="1"/>
  <c r="A560" i="1" s="1"/>
  <c r="A561" i="1" s="1"/>
  <c r="A564" i="1" s="1"/>
  <c r="A565" i="1" s="1"/>
  <c r="A566" i="1" s="1"/>
  <c r="A567" i="1" s="1"/>
  <c r="A569" i="1" s="1"/>
  <c r="A570" i="1" s="1"/>
  <c r="A573" i="1" s="1"/>
  <c r="A575" i="1" s="1"/>
  <c r="A576" i="1" s="1"/>
  <c r="A577" i="1" l="1"/>
  <c r="A579" i="1" s="1"/>
  <c r="A580" i="1" s="1"/>
  <c r="A581" i="1" s="1"/>
  <c r="A582" i="1" s="1"/>
  <c r="A584" i="1" s="1"/>
  <c r="A585" i="1" s="1"/>
  <c r="A586" i="1" s="1"/>
  <c r="A587" i="1" s="1"/>
  <c r="A591" i="1" s="1"/>
  <c r="A592" i="1" s="1"/>
  <c r="A593" i="1" s="1"/>
  <c r="A594" i="1" s="1"/>
  <c r="A596" i="1" s="1"/>
  <c r="A597" i="1" s="1"/>
  <c r="A598" i="1" s="1"/>
  <c r="A599" i="1" s="1"/>
  <c r="A615" i="1" s="1"/>
  <c r="A618" i="1" s="1"/>
  <c r="A619" i="1" s="1"/>
  <c r="A620" i="1" s="1"/>
  <c r="A623" i="1" s="1"/>
  <c r="A624" i="1" s="1"/>
  <c r="A625" i="1" s="1"/>
  <c r="A626" i="1" s="1"/>
  <c r="A627" i="1" s="1"/>
  <c r="A628" i="1" s="1"/>
  <c r="A632" i="1" s="1"/>
  <c r="A633" i="1" s="1"/>
  <c r="A634" i="1" s="1"/>
  <c r="A635" i="1" s="1"/>
  <c r="A636" i="1" s="1"/>
  <c r="A637" i="1" s="1"/>
  <c r="A641" i="1" s="1"/>
  <c r="A642" i="1" s="1"/>
  <c r="A643" i="1" s="1"/>
  <c r="A644" i="1" s="1"/>
  <c r="A645" i="1" s="1"/>
  <c r="A646" i="1" s="1"/>
  <c r="A647" i="1" s="1"/>
  <c r="A648" i="1" s="1"/>
  <c r="A649" i="1" s="1"/>
  <c r="A651" i="1" s="1"/>
  <c r="A654" i="1" s="1"/>
  <c r="A655" i="1" s="1"/>
  <c r="A656" i="1" s="1"/>
  <c r="A657" i="1" s="1"/>
  <c r="A658" i="1" s="1"/>
  <c r="A659" i="1" s="1"/>
  <c r="A660" i="1" s="1"/>
  <c r="A661" i="1" s="1"/>
  <c r="K194" i="1" l="1"/>
  <c r="M193" i="1"/>
  <c r="M192" i="1"/>
  <c r="K188" i="1"/>
  <c r="M187" i="1"/>
  <c r="M186" i="1"/>
  <c r="M149" i="1" l="1"/>
  <c r="M334" i="1" l="1"/>
  <c r="M333" i="1"/>
  <c r="K198" i="1" l="1"/>
  <c r="M566" i="1" l="1"/>
  <c r="M564" i="1" l="1"/>
  <c r="M584" i="1" l="1"/>
  <c r="M585" i="1" l="1"/>
  <c r="M579" i="1"/>
  <c r="M580" i="1" l="1"/>
  <c r="M504" i="1" l="1"/>
  <c r="M483" i="1" l="1"/>
  <c r="M458" i="1" l="1"/>
  <c r="M517" i="1" l="1"/>
  <c r="M471" i="1"/>
  <c r="M496" i="1"/>
  <c r="M177" i="1" l="1"/>
  <c r="M191" i="1"/>
  <c r="M620" i="1"/>
  <c r="M575" i="1"/>
  <c r="M619" i="1"/>
  <c r="M185" i="1"/>
  <c r="M178" i="1"/>
  <c r="M647" i="1" l="1"/>
  <c r="M182" i="1"/>
  <c r="M565" i="1"/>
  <c r="M649" i="1"/>
  <c r="M573" i="1"/>
  <c r="M547" i="1"/>
  <c r="M576" i="1"/>
  <c r="M648" i="1"/>
  <c r="M577" i="1"/>
  <c r="M534" i="1"/>
  <c r="M615" i="1"/>
  <c r="M596" i="1"/>
  <c r="M618" i="1"/>
  <c r="M660" i="1" l="1"/>
  <c r="M661" i="1"/>
  <c r="M538" i="1"/>
  <c r="M535" i="1"/>
  <c r="M593" i="1"/>
  <c r="M637" i="1"/>
  <c r="M636" i="1"/>
  <c r="M591" i="1"/>
  <c r="M634" i="1"/>
  <c r="M592" i="1"/>
  <c r="M598" i="1"/>
  <c r="M635" i="1"/>
  <c r="M570" i="1" l="1"/>
  <c r="M632" i="1"/>
  <c r="M633" i="1"/>
  <c r="M659" i="1"/>
  <c r="M597" i="1"/>
  <c r="M594" i="1"/>
  <c r="M599" i="1"/>
  <c r="M539" i="1"/>
  <c r="M569" i="1" l="1"/>
  <c r="M641" i="1" l="1"/>
  <c r="M644" i="1" l="1"/>
  <c r="M645" i="1"/>
  <c r="M643" i="1"/>
  <c r="M546" i="1"/>
  <c r="M545" i="1"/>
  <c r="M543" i="1"/>
  <c r="M646" i="1"/>
  <c r="M544" i="1"/>
  <c r="M642" i="1"/>
  <c r="M654" i="1" l="1"/>
  <c r="M658" i="1"/>
  <c r="M657" i="1"/>
  <c r="M655" i="1"/>
  <c r="M554" i="1"/>
  <c r="M561" i="1" l="1"/>
  <c r="M656" i="1"/>
  <c r="M558" i="1" l="1"/>
  <c r="M559" i="1"/>
  <c r="M560" i="1" l="1"/>
  <c r="M291" i="1" l="1"/>
  <c r="M330" i="1" l="1"/>
  <c r="M328" i="1"/>
  <c r="M331" i="1"/>
  <c r="M327" i="1"/>
  <c r="M290" i="1" l="1"/>
  <c r="M426" i="1"/>
  <c r="M378" i="1" l="1"/>
  <c r="M288" i="1"/>
  <c r="M115" i="1"/>
  <c r="M511" i="1"/>
  <c r="M295" i="1"/>
  <c r="M253" i="1"/>
  <c r="M452" i="1"/>
  <c r="M453" i="1"/>
  <c r="M487" i="1"/>
  <c r="M294" i="1"/>
  <c r="M477" i="1"/>
  <c r="M112" i="1"/>
  <c r="M338" i="1"/>
  <c r="M382" i="1"/>
  <c r="M515" i="1"/>
  <c r="M383" i="1"/>
  <c r="M277" i="1"/>
  <c r="I424" i="1"/>
  <c r="M257" i="1"/>
  <c r="M469" i="1"/>
  <c r="M490" i="1"/>
  <c r="M369" i="1"/>
  <c r="M111" i="1"/>
  <c r="M499" i="1"/>
  <c r="M337" i="1"/>
  <c r="M113" i="1"/>
  <c r="M269" i="1"/>
  <c r="M198" i="1"/>
  <c r="M142" i="1"/>
  <c r="M33" i="1"/>
  <c r="M140" i="1"/>
  <c r="M131" i="1"/>
  <c r="M67" i="1"/>
  <c r="M153" i="1"/>
  <c r="M129" i="1"/>
  <c r="M123" i="1"/>
  <c r="M15" i="1"/>
  <c r="M76" i="1"/>
  <c r="M133" i="1"/>
  <c r="M150" i="1"/>
  <c r="M126" i="1"/>
  <c r="M127" i="1"/>
  <c r="M29" i="1"/>
  <c r="M136" i="1"/>
  <c r="M137" i="1"/>
  <c r="M130" i="1"/>
  <c r="M32" i="1"/>
  <c r="M48" i="1"/>
  <c r="M143" i="1"/>
  <c r="M247" i="1" l="1"/>
  <c r="M400" i="1"/>
  <c r="M494" i="1"/>
  <c r="M266" i="1"/>
  <c r="M456" i="1"/>
  <c r="M404" i="1"/>
  <c r="M395" i="1"/>
  <c r="M481" i="1"/>
  <c r="M271" i="1"/>
  <c r="M358" i="1"/>
  <c r="M419" i="1"/>
  <c r="M492" i="1"/>
  <c r="M465" i="1"/>
  <c r="M474" i="1"/>
  <c r="M502" i="1"/>
  <c r="M251" i="1"/>
  <c r="M415" i="1"/>
  <c r="M285" i="1"/>
  <c r="M429" i="1"/>
  <c r="M275" i="1"/>
  <c r="M512" i="1"/>
  <c r="M392" i="1"/>
  <c r="M480" i="1"/>
  <c r="M466" i="1"/>
  <c r="M366" i="1"/>
  <c r="M508" i="1"/>
  <c r="M467" i="1"/>
  <c r="M250" i="1"/>
  <c r="M478" i="1"/>
  <c r="M284" i="1"/>
  <c r="M501" i="1"/>
  <c r="M364" i="1"/>
  <c r="M413" i="1"/>
  <c r="M265" i="1"/>
  <c r="M272" i="1"/>
  <c r="M491" i="1"/>
  <c r="M239" i="1"/>
  <c r="M376" i="1"/>
  <c r="M384" i="1"/>
  <c r="M254" i="1"/>
  <c r="M278" i="1"/>
  <c r="M323" i="1"/>
  <c r="M268" i="1"/>
  <c r="M432" i="1"/>
  <c r="M287" i="1"/>
  <c r="M314" i="1"/>
  <c r="M449" i="1"/>
  <c r="M322" i="1"/>
  <c r="M396" i="1"/>
  <c r="M462" i="1"/>
  <c r="M455" i="1"/>
  <c r="M248" i="1"/>
  <c r="M65" i="1"/>
  <c r="M38" i="1"/>
  <c r="M46" i="1"/>
  <c r="M17" i="1"/>
  <c r="M102" i="1"/>
  <c r="M154" i="1"/>
  <c r="M31" i="1"/>
  <c r="M155" i="1"/>
  <c r="M36" i="1"/>
  <c r="M73" i="1"/>
  <c r="M157" i="1"/>
  <c r="M116" i="1"/>
  <c r="M23" i="1"/>
  <c r="I341" i="1"/>
  <c r="M341" i="1" s="1"/>
  <c r="M298" i="1"/>
  <c r="M75" i="1"/>
  <c r="M22" i="1"/>
  <c r="M35" i="1"/>
  <c r="M79" i="1"/>
  <c r="M26" i="1"/>
  <c r="M42" i="1"/>
  <c r="M144" i="1"/>
  <c r="M146" i="1"/>
  <c r="M49" i="1"/>
  <c r="M72" i="1"/>
  <c r="M60" i="1"/>
  <c r="M117" i="1"/>
  <c r="M125" i="1"/>
  <c r="M98" i="1"/>
  <c r="M59" i="1"/>
  <c r="M82" i="1"/>
  <c r="M66" i="1"/>
  <c r="M99" i="1"/>
  <c r="M53" i="1"/>
  <c r="M78" i="1"/>
  <c r="M45" i="1"/>
  <c r="M63" i="1"/>
  <c r="M39" i="1"/>
  <c r="M151" i="1"/>
  <c r="O198" i="1"/>
  <c r="M119" i="1"/>
  <c r="M34" i="1"/>
  <c r="M106" i="1"/>
  <c r="M139" i="1"/>
  <c r="M20" i="1"/>
  <c r="M40" i="1"/>
  <c r="M52" i="1"/>
  <c r="M69" i="1"/>
  <c r="M105" i="1"/>
  <c r="M56" i="1"/>
  <c r="M54" i="1"/>
  <c r="I340" i="1"/>
  <c r="M340" i="1" s="1"/>
  <c r="M297" i="1"/>
  <c r="M122" i="1"/>
  <c r="M62" i="1"/>
  <c r="M19" i="1"/>
  <c r="M24" i="1"/>
  <c r="M107" i="1"/>
  <c r="M18" i="1"/>
  <c r="M80" i="1"/>
  <c r="M513" i="1" l="1"/>
  <c r="M181" i="1"/>
  <c r="M50" i="1"/>
  <c r="M510" i="1" l="1"/>
  <c r="M489" i="1"/>
  <c r="M464" i="1"/>
  <c r="M430" i="1" l="1"/>
  <c r="M324" i="1"/>
  <c r="M409" i="1" l="1"/>
  <c r="M407" i="1"/>
  <c r="M406" i="1"/>
  <c r="M410" i="1"/>
  <c r="M401" i="1"/>
  <c r="M393" i="1"/>
  <c r="M408" i="1"/>
  <c r="M361" i="1"/>
  <c r="M362" i="1"/>
  <c r="M360" i="1"/>
  <c r="M281" i="1"/>
  <c r="M280" i="1"/>
  <c r="M387" i="1"/>
  <c r="M386" i="1"/>
  <c r="M373" i="1"/>
  <c r="M374" i="1"/>
  <c r="M371" i="1"/>
  <c r="M372" i="1"/>
  <c r="M424" i="1"/>
  <c r="M420" i="1"/>
  <c r="M262" i="1"/>
  <c r="M263" i="1"/>
  <c r="M259" i="1"/>
  <c r="M260" i="1"/>
  <c r="M261" i="1"/>
  <c r="M243" i="1" l="1"/>
  <c r="M241" i="1"/>
  <c r="M245" i="1"/>
  <c r="M242" i="1"/>
  <c r="M244" i="1"/>
  <c r="M423" i="1"/>
  <c r="M412" i="1" l="1"/>
  <c r="M389" i="1" l="1"/>
</calcChain>
</file>

<file path=xl/sharedStrings.xml><?xml version="1.0" encoding="utf-8"?>
<sst xmlns="http://schemas.openxmlformats.org/spreadsheetml/2006/main" count="1095" uniqueCount="271">
  <si>
    <t>Summary of Proposed Rate Change by Rate Class</t>
  </si>
  <si>
    <t>EGD Rate Zone</t>
  </si>
  <si>
    <t>EB-2024-0093</t>
  </si>
  <si>
    <t>EB-2022-0200</t>
  </si>
  <si>
    <t>Proposed</t>
  </si>
  <si>
    <t>2024 Phase 1</t>
  </si>
  <si>
    <t>April 1, 2024</t>
  </si>
  <si>
    <t>Line</t>
  </si>
  <si>
    <t xml:space="preserve">Decision </t>
  </si>
  <si>
    <t>QRAM Update</t>
  </si>
  <si>
    <t>May 1, 2024</t>
  </si>
  <si>
    <t>No.</t>
  </si>
  <si>
    <t>Particulars</t>
  </si>
  <si>
    <t>Units</t>
  </si>
  <si>
    <t>Rate</t>
  </si>
  <si>
    <t>Rate Change (1)</t>
  </si>
  <si>
    <t xml:space="preserve">Rate Change (2) </t>
  </si>
  <si>
    <t>Rates</t>
  </si>
  <si>
    <t xml:space="preserve">(a) </t>
  </si>
  <si>
    <t>(b)</t>
  </si>
  <si>
    <t>(c)</t>
  </si>
  <si>
    <t>(d) = (a + b + c)</t>
  </si>
  <si>
    <t>Rate 1</t>
  </si>
  <si>
    <t>Monthly Customer Charge</t>
  </si>
  <si>
    <t>$</t>
  </si>
  <si>
    <t>Delivery Charge - Commodity</t>
  </si>
  <si>
    <r>
      <t xml:space="preserve">   First     30 m</t>
    </r>
    <r>
      <rPr>
        <vertAlign val="superscript"/>
        <sz val="10"/>
        <rFont val="Arial"/>
        <family val="2"/>
      </rPr>
      <t>3</t>
    </r>
  </si>
  <si>
    <t>cents/m³</t>
  </si>
  <si>
    <r>
      <t xml:space="preserve">   Next     55 m</t>
    </r>
    <r>
      <rPr>
        <vertAlign val="superscript"/>
        <sz val="10"/>
        <rFont val="Arial"/>
        <family val="2"/>
      </rPr>
      <t>3</t>
    </r>
  </si>
  <si>
    <r>
      <t xml:space="preserve">   Next     85 m</t>
    </r>
    <r>
      <rPr>
        <vertAlign val="superscript"/>
        <sz val="10"/>
        <rFont val="Arial"/>
        <family val="2"/>
      </rPr>
      <t>3</t>
    </r>
  </si>
  <si>
    <r>
      <t xml:space="preserve">   Over     170 m</t>
    </r>
    <r>
      <rPr>
        <vertAlign val="superscript"/>
        <sz val="10"/>
        <rFont val="Arial"/>
        <family val="2"/>
      </rPr>
      <t>3</t>
    </r>
  </si>
  <si>
    <t>Gas Supply Load Balancing Charge</t>
  </si>
  <si>
    <t>Gas Supply Transportation Charge</t>
  </si>
  <si>
    <t>Gas Supply Transportation Dawn Charge</t>
  </si>
  <si>
    <t>Gas Supply Commodity Charge</t>
  </si>
  <si>
    <t>Rate 6</t>
  </si>
  <si>
    <r>
      <t xml:space="preserve">   First     500 m</t>
    </r>
    <r>
      <rPr>
        <vertAlign val="superscript"/>
        <sz val="10"/>
        <rFont val="Arial"/>
        <family val="2"/>
      </rPr>
      <t>3</t>
    </r>
  </si>
  <si>
    <r>
      <t xml:space="preserve">   Next     1,050 m</t>
    </r>
    <r>
      <rPr>
        <vertAlign val="superscript"/>
        <sz val="10"/>
        <rFont val="Arial"/>
        <family val="2"/>
      </rPr>
      <t>3</t>
    </r>
  </si>
  <si>
    <r>
      <t xml:space="preserve">   Next     4,500 m</t>
    </r>
    <r>
      <rPr>
        <vertAlign val="superscript"/>
        <sz val="10"/>
        <rFont val="Arial"/>
        <family val="2"/>
      </rPr>
      <t>3</t>
    </r>
  </si>
  <si>
    <r>
      <t xml:space="preserve">   Next     7,000 m</t>
    </r>
    <r>
      <rPr>
        <vertAlign val="superscript"/>
        <sz val="10"/>
        <rFont val="Arial"/>
        <family val="2"/>
      </rPr>
      <t>3</t>
    </r>
  </si>
  <si>
    <r>
      <t xml:space="preserve">   Next     15,250 m</t>
    </r>
    <r>
      <rPr>
        <vertAlign val="superscript"/>
        <sz val="10"/>
        <rFont val="Arial"/>
        <family val="2"/>
      </rPr>
      <t>3</t>
    </r>
  </si>
  <si>
    <r>
      <t xml:space="preserve">   Over     28,300 m</t>
    </r>
    <r>
      <rPr>
        <vertAlign val="superscript"/>
        <sz val="10"/>
        <rFont val="Arial"/>
        <family val="2"/>
      </rPr>
      <t>3</t>
    </r>
  </si>
  <si>
    <t>Rate 100</t>
  </si>
  <si>
    <t>Delivery Charge - Contract Demand</t>
  </si>
  <si>
    <t>cents/m³/d</t>
  </si>
  <si>
    <r>
      <t xml:space="preserve">   First     14,000 m</t>
    </r>
    <r>
      <rPr>
        <vertAlign val="superscript"/>
        <sz val="10"/>
        <rFont val="Arial"/>
        <family val="2"/>
      </rPr>
      <t>3</t>
    </r>
  </si>
  <si>
    <r>
      <t xml:space="preserve">   Next     28,000 m</t>
    </r>
    <r>
      <rPr>
        <vertAlign val="superscript"/>
        <sz val="10"/>
        <rFont val="Arial"/>
        <family val="2"/>
      </rPr>
      <t>3</t>
    </r>
  </si>
  <si>
    <r>
      <t xml:space="preserve">   Over     42,000 m</t>
    </r>
    <r>
      <rPr>
        <vertAlign val="superscript"/>
        <sz val="10"/>
        <rFont val="Arial"/>
        <family val="2"/>
      </rPr>
      <t>3</t>
    </r>
  </si>
  <si>
    <t>Rate 110</t>
  </si>
  <si>
    <r>
      <t xml:space="preserve">   First   1,000,000 m</t>
    </r>
    <r>
      <rPr>
        <vertAlign val="superscript"/>
        <sz val="10"/>
        <rFont val="Arial"/>
        <family val="2"/>
      </rPr>
      <t>3</t>
    </r>
  </si>
  <si>
    <r>
      <t xml:space="preserve">   Over   1,000,000 m</t>
    </r>
    <r>
      <rPr>
        <vertAlign val="superscript"/>
        <sz val="10"/>
        <rFont val="Arial"/>
        <family val="2"/>
      </rPr>
      <t>3</t>
    </r>
  </si>
  <si>
    <t>Rate 115</t>
  </si>
  <si>
    <t>Summary of Proposed Rate Change by Rate Class (Continued)</t>
  </si>
  <si>
    <t>Rate 125</t>
  </si>
  <si>
    <t>Rate 135</t>
  </si>
  <si>
    <t>Winter</t>
  </si>
  <si>
    <r>
      <t xml:space="preserve">   First     14,000  m</t>
    </r>
    <r>
      <rPr>
        <vertAlign val="superscript"/>
        <sz val="10"/>
        <rFont val="Arial"/>
        <family val="2"/>
      </rPr>
      <t xml:space="preserve">3 </t>
    </r>
    <r>
      <rPr>
        <sz val="10"/>
        <rFont val="Arial"/>
        <family val="2"/>
      </rPr>
      <t xml:space="preserve">             </t>
    </r>
  </si>
  <si>
    <t xml:space="preserve">Summer </t>
  </si>
  <si>
    <t>Rate 145</t>
  </si>
  <si>
    <t>Rate 170</t>
  </si>
  <si>
    <t>Rate 200</t>
  </si>
  <si>
    <t>Rate 300</t>
  </si>
  <si>
    <t>Firm Service</t>
  </si>
  <si>
    <t xml:space="preserve">Monthly Customer Charge </t>
  </si>
  <si>
    <t>Delivery Demand Charge</t>
  </si>
  <si>
    <t>Interruptible Service</t>
  </si>
  <si>
    <t>Minimum Delivery Charge</t>
  </si>
  <si>
    <t>cents/m³/mth</t>
  </si>
  <si>
    <t>Maximum Delivery Charge</t>
  </si>
  <si>
    <t>Rate 315</t>
  </si>
  <si>
    <t>Space Demand Chg</t>
  </si>
  <si>
    <t>Deliverability/Injection Demand Chg</t>
  </si>
  <si>
    <t>Injection &amp; Withdrawal Chg</t>
  </si>
  <si>
    <t>Rate 316</t>
  </si>
  <si>
    <t>Rate 320</t>
  </si>
  <si>
    <t xml:space="preserve">Backstop  </t>
  </si>
  <si>
    <t xml:space="preserve">   All Gas Sold  </t>
  </si>
  <si>
    <t>ENBRIDGE GAS INC.</t>
  </si>
  <si>
    <t>SUMMARY OF PROPOSED RATE CHANGE BY RATE CLASS</t>
  </si>
  <si>
    <t>Gas Cost</t>
  </si>
  <si>
    <t>Approved QRAM</t>
  </si>
  <si>
    <t>WARP Impact</t>
  </si>
  <si>
    <t>with January 1, 2024</t>
  </si>
  <si>
    <t>Rate Block</t>
  </si>
  <si>
    <t>January 1, 2024</t>
  </si>
  <si>
    <t>at January Ref Price</t>
  </si>
  <si>
    <t>WARP</t>
  </si>
  <si>
    <t>(m³)</t>
  </si>
  <si>
    <r>
      <t>(cents/m</t>
    </r>
    <r>
      <rPr>
        <vertAlign val="superscript"/>
        <sz val="10"/>
        <rFont val="Arial"/>
        <family val="2"/>
      </rPr>
      <t>3</t>
    </r>
    <r>
      <rPr>
        <sz val="10"/>
        <rFont val="Arial"/>
        <family val="2"/>
      </rPr>
      <t>)</t>
    </r>
  </si>
  <si>
    <t xml:space="preserve">(b) = (c - a) </t>
  </si>
  <si>
    <t>(d)</t>
  </si>
  <si>
    <t>(e)</t>
  </si>
  <si>
    <t>NOTE :</t>
  </si>
  <si>
    <t xml:space="preserve"> Union North Rate Zone</t>
  </si>
  <si>
    <t>Rate 01</t>
  </si>
  <si>
    <r>
      <t xml:space="preserve">   First     100 m</t>
    </r>
    <r>
      <rPr>
        <vertAlign val="superscript"/>
        <sz val="10"/>
        <rFont val="Arial"/>
        <family val="2"/>
      </rPr>
      <t>3</t>
    </r>
  </si>
  <si>
    <r>
      <t xml:space="preserve">   Next     200 m</t>
    </r>
    <r>
      <rPr>
        <vertAlign val="superscript"/>
        <sz val="10"/>
        <rFont val="Arial"/>
        <family val="2"/>
      </rPr>
      <t>3</t>
    </r>
  </si>
  <si>
    <r>
      <t xml:space="preserve">   Next     500 m</t>
    </r>
    <r>
      <rPr>
        <vertAlign val="superscript"/>
        <sz val="10"/>
        <rFont val="Arial"/>
        <family val="2"/>
      </rPr>
      <t>3</t>
    </r>
  </si>
  <si>
    <r>
      <t xml:space="preserve">   Over     1,000 m</t>
    </r>
    <r>
      <rPr>
        <vertAlign val="superscript"/>
        <sz val="10"/>
        <rFont val="Arial"/>
        <family val="2"/>
      </rPr>
      <t>3</t>
    </r>
  </si>
  <si>
    <t>Gas Supply Transportation Charge - North West</t>
  </si>
  <si>
    <t>Gas Supply Transportation Charge - North East</t>
  </si>
  <si>
    <t>Gas Supply Storage Charge - North West</t>
  </si>
  <si>
    <t>Gas Supply Storage Charge - North East</t>
  </si>
  <si>
    <t>Gas Supply Commodity Charge - North West</t>
  </si>
  <si>
    <t>Gas Supply Commodity Charge - North East</t>
  </si>
  <si>
    <t>Rate 10</t>
  </si>
  <si>
    <r>
      <t xml:space="preserve">   First     1,000 m</t>
    </r>
    <r>
      <rPr>
        <vertAlign val="superscript"/>
        <sz val="10"/>
        <rFont val="Arial"/>
        <family val="2"/>
      </rPr>
      <t>3</t>
    </r>
  </si>
  <si>
    <r>
      <t xml:space="preserve">   Next     9,000 m</t>
    </r>
    <r>
      <rPr>
        <vertAlign val="superscript"/>
        <sz val="10"/>
        <rFont val="Arial"/>
        <family val="2"/>
      </rPr>
      <t>3</t>
    </r>
  </si>
  <si>
    <r>
      <t xml:space="preserve">   Next     20,000 m</t>
    </r>
    <r>
      <rPr>
        <vertAlign val="superscript"/>
        <sz val="10"/>
        <rFont val="Arial"/>
        <family val="2"/>
      </rPr>
      <t>3</t>
    </r>
  </si>
  <si>
    <r>
      <t xml:space="preserve">   Next     70,000 m</t>
    </r>
    <r>
      <rPr>
        <vertAlign val="superscript"/>
        <sz val="10"/>
        <rFont val="Arial"/>
        <family val="2"/>
      </rPr>
      <t>3</t>
    </r>
  </si>
  <si>
    <r>
      <t xml:space="preserve">   Over     100,000 m</t>
    </r>
    <r>
      <rPr>
        <vertAlign val="superscript"/>
        <sz val="10"/>
        <rFont val="Arial"/>
        <family val="2"/>
      </rPr>
      <t>3</t>
    </r>
  </si>
  <si>
    <t>Rate 20</t>
  </si>
  <si>
    <r>
      <t xml:space="preserve">   First        70,000 m</t>
    </r>
    <r>
      <rPr>
        <vertAlign val="superscript"/>
        <sz val="10"/>
        <rFont val="Arial"/>
        <family val="2"/>
      </rPr>
      <t>3</t>
    </r>
    <r>
      <rPr>
        <sz val="10"/>
        <rFont val="Arial"/>
        <family val="2"/>
      </rPr>
      <t xml:space="preserve">     </t>
    </r>
  </si>
  <si>
    <r>
      <t xml:space="preserve">   All over    70,000 m</t>
    </r>
    <r>
      <rPr>
        <vertAlign val="superscript"/>
        <sz val="10"/>
        <rFont val="Arial"/>
        <family val="2"/>
      </rPr>
      <t>3</t>
    </r>
  </si>
  <si>
    <r>
      <t xml:space="preserve">   First        852,000 m</t>
    </r>
    <r>
      <rPr>
        <vertAlign val="superscript"/>
        <sz val="10"/>
        <rFont val="Arial"/>
        <family val="2"/>
      </rPr>
      <t>3</t>
    </r>
  </si>
  <si>
    <r>
      <t xml:space="preserve">   All over    852,000 m</t>
    </r>
    <r>
      <rPr>
        <vertAlign val="superscript"/>
        <sz val="10"/>
        <rFont val="Arial"/>
        <family val="2"/>
      </rPr>
      <t>3</t>
    </r>
  </si>
  <si>
    <t xml:space="preserve">Gas Supply Demand Charge </t>
  </si>
  <si>
    <t>North West</t>
  </si>
  <si>
    <t>North East</t>
  </si>
  <si>
    <t xml:space="preserve">Commodity Transportation 1 </t>
  </si>
  <si>
    <t xml:space="preserve">Commodity Transportation 2  </t>
  </si>
  <si>
    <t>Bundled (T-Service) Storage Service Charges</t>
  </si>
  <si>
    <t>Demand</t>
  </si>
  <si>
    <t>$/GJ/d</t>
  </si>
  <si>
    <t>Commodity</t>
  </si>
  <si>
    <t>$/GJ</t>
  </si>
  <si>
    <t>Rate 25</t>
  </si>
  <si>
    <t>Delivery Charge - Commodity (maximum)</t>
  </si>
  <si>
    <t>Gas Supply Charge - All Union North Rate Zones</t>
  </si>
  <si>
    <t xml:space="preserve">       Minimum</t>
  </si>
  <si>
    <t xml:space="preserve">       Maximum</t>
  </si>
  <si>
    <t xml:space="preserve">Commodity Transportation 1  </t>
  </si>
  <si>
    <t xml:space="preserve">Commodity Transportation 2   </t>
  </si>
  <si>
    <t>Bundled (T-Service) Storage Service</t>
  </si>
  <si>
    <t>Storage Demand</t>
  </si>
  <si>
    <t>Storage Commodity</t>
  </si>
  <si>
    <t>Union South Rate Zone</t>
  </si>
  <si>
    <t>Rate M1</t>
  </si>
  <si>
    <r>
      <t xml:space="preserve">   First        100 m</t>
    </r>
    <r>
      <rPr>
        <vertAlign val="superscript"/>
        <sz val="10"/>
        <rFont val="Arial"/>
        <family val="2"/>
      </rPr>
      <t>3</t>
    </r>
  </si>
  <si>
    <r>
      <t xml:space="preserve">   Next        150 m</t>
    </r>
    <r>
      <rPr>
        <vertAlign val="superscript"/>
        <sz val="10"/>
        <rFont val="Arial"/>
        <family val="2"/>
      </rPr>
      <t>3</t>
    </r>
  </si>
  <si>
    <r>
      <t xml:space="preserve">   All over    250 m</t>
    </r>
    <r>
      <rPr>
        <vertAlign val="superscript"/>
        <sz val="10"/>
        <rFont val="Arial"/>
        <family val="2"/>
      </rPr>
      <t>3</t>
    </r>
  </si>
  <si>
    <t>Storage Charge</t>
  </si>
  <si>
    <t>Rate M2</t>
  </si>
  <si>
    <r>
      <t xml:space="preserve">   First         1,000 m</t>
    </r>
    <r>
      <rPr>
        <vertAlign val="superscript"/>
        <sz val="10"/>
        <rFont val="Arial"/>
        <family val="2"/>
      </rPr>
      <t>3</t>
    </r>
  </si>
  <si>
    <r>
      <t xml:space="preserve">   Next         6,000 m</t>
    </r>
    <r>
      <rPr>
        <vertAlign val="superscript"/>
        <sz val="10"/>
        <rFont val="Arial"/>
        <family val="2"/>
      </rPr>
      <t>3</t>
    </r>
  </si>
  <si>
    <r>
      <t xml:space="preserve">   Next         13,000 m</t>
    </r>
    <r>
      <rPr>
        <vertAlign val="superscript"/>
        <sz val="10"/>
        <rFont val="Arial"/>
        <family val="2"/>
      </rPr>
      <t>3</t>
    </r>
  </si>
  <si>
    <r>
      <t xml:space="preserve">   All over     20,000 m</t>
    </r>
    <r>
      <rPr>
        <vertAlign val="superscript"/>
        <sz val="10"/>
        <rFont val="Arial"/>
        <family val="2"/>
      </rPr>
      <t>3</t>
    </r>
  </si>
  <si>
    <t>Rate M4</t>
  </si>
  <si>
    <r>
      <t xml:space="preserve">   First          8,450 m</t>
    </r>
    <r>
      <rPr>
        <vertAlign val="superscript"/>
        <sz val="10"/>
        <rFont val="Arial"/>
        <family val="2"/>
      </rPr>
      <t>3</t>
    </r>
  </si>
  <si>
    <r>
      <t xml:space="preserve">   Next          19,700 m</t>
    </r>
    <r>
      <rPr>
        <vertAlign val="superscript"/>
        <sz val="10"/>
        <rFont val="Arial"/>
        <family val="2"/>
      </rPr>
      <t>3</t>
    </r>
  </si>
  <si>
    <r>
      <t xml:space="preserve">   All over      28,150 m</t>
    </r>
    <r>
      <rPr>
        <vertAlign val="superscript"/>
        <sz val="10"/>
        <rFont val="Arial"/>
        <family val="2"/>
      </rPr>
      <t>3</t>
    </r>
  </si>
  <si>
    <t xml:space="preserve">   First Block</t>
  </si>
  <si>
    <t xml:space="preserve">   All remaining use</t>
  </si>
  <si>
    <t>Firm MAV</t>
  </si>
  <si>
    <t>Interruptible contracts</t>
  </si>
  <si>
    <t>Delivery Charge - Commodity (average)</t>
  </si>
  <si>
    <t xml:space="preserve">MAV Gas Supply </t>
  </si>
  <si>
    <t>Rate M5</t>
  </si>
  <si>
    <t>Firm contracts</t>
  </si>
  <si>
    <t>2,400 m³ to 17,000 m³</t>
  </si>
  <si>
    <t>17,000 m³ to 30,000 m³</t>
  </si>
  <si>
    <t>30,000 m³ to 50,000 m³</t>
  </si>
  <si>
    <t>50,000 m³ to 60,000 m³</t>
  </si>
  <si>
    <t>Interruptible MAV</t>
  </si>
  <si>
    <t>Rate M7</t>
  </si>
  <si>
    <t xml:space="preserve"> Firm Contracts</t>
  </si>
  <si>
    <t>Interruptible / Seasonal Contracts</t>
  </si>
  <si>
    <t>Interruptible Delivery Charge - Commodity (maximum)</t>
  </si>
  <si>
    <t>Seasonal Delivery Charge - Commodity (maximum)</t>
  </si>
  <si>
    <t>Rate M9</t>
  </si>
  <si>
    <t xml:space="preserve">Delivery Demand Charge </t>
  </si>
  <si>
    <t>Delivery Commodity Charge</t>
  </si>
  <si>
    <t>Rate T1</t>
  </si>
  <si>
    <t>Monthly Customer Charges</t>
  </si>
  <si>
    <t>Transportation Service Charges</t>
  </si>
  <si>
    <t>Transportation Contract Demand</t>
  </si>
  <si>
    <t>First      28,150 m³</t>
  </si>
  <si>
    <t>Next      112,720 m³</t>
  </si>
  <si>
    <t>Transportation Commodity</t>
  </si>
  <si>
    <t>Firm Volumes</t>
  </si>
  <si>
    <t>Interruptible Volumes (average)</t>
  </si>
  <si>
    <t>Customer Supplied Fuel - Transportation</t>
  </si>
  <si>
    <t>%</t>
  </si>
  <si>
    <t>Storage Service Charges</t>
  </si>
  <si>
    <t>Monthly Demand Charges:</t>
  </si>
  <si>
    <t>Firm Space</t>
  </si>
  <si>
    <t>Firm Injection/Withdrawal Right</t>
  </si>
  <si>
    <t>Utility provides deliverability inventory</t>
  </si>
  <si>
    <t>Customer provides deliverability inventory</t>
  </si>
  <si>
    <t>Firm incremental injection</t>
  </si>
  <si>
    <t xml:space="preserve">Interruptible withdrawal </t>
  </si>
  <si>
    <t>Commodity - Withdrawal/Injection</t>
  </si>
  <si>
    <t>Customer Supplied Fuel - Storage</t>
  </si>
  <si>
    <t>Rate T2</t>
  </si>
  <si>
    <t>First        140,870 m³</t>
  </si>
  <si>
    <t>All Over   140,870 m³</t>
  </si>
  <si>
    <t>Monthly Demand Charges</t>
  </si>
  <si>
    <t>Rate T3</t>
  </si>
  <si>
    <t>Commodity:</t>
  </si>
  <si>
    <t>Ex-Franchise</t>
  </si>
  <si>
    <t>Rate 331</t>
  </si>
  <si>
    <t>Monthly Demand Charge - Firm</t>
  </si>
  <si>
    <t>Commodity Charge - Interruptible</t>
  </si>
  <si>
    <t>Rate 332</t>
  </si>
  <si>
    <t>Monthly Demand Charge</t>
  </si>
  <si>
    <t>Authorized Overrun</t>
  </si>
  <si>
    <t>Rate M12</t>
  </si>
  <si>
    <t xml:space="preserve">Dawn to Parkway  </t>
  </si>
  <si>
    <t>Dawn to Kirkwall</t>
  </si>
  <si>
    <t>Kirkwall to Parkway</t>
  </si>
  <si>
    <t>M12-X - Dawn, Kirkwall and Parkway</t>
  </si>
  <si>
    <t>F24-T</t>
  </si>
  <si>
    <t>Commodity Charges</t>
  </si>
  <si>
    <t xml:space="preserve">   Easterly</t>
  </si>
  <si>
    <t>Note</t>
  </si>
  <si>
    <t>(3)</t>
  </si>
  <si>
    <t xml:space="preserve">   Westerly</t>
  </si>
  <si>
    <t xml:space="preserve"> Limited Firm/Interruptible Transportation</t>
  </si>
  <si>
    <t>Monthly Demand Charge - Maximum</t>
  </si>
  <si>
    <t>Transportation Commodity Charges</t>
  </si>
  <si>
    <t>Dawn to Parkway</t>
  </si>
  <si>
    <t>Rate M13</t>
  </si>
  <si>
    <t>Monthly Fixed Charge per Customer Station</t>
  </si>
  <si>
    <t>Transmission Commodity Charge to Dawn</t>
  </si>
  <si>
    <t>Commodity Charge - Utility Supplied Fuel</t>
  </si>
  <si>
    <t>Commodity Charge - Shipper Supplied Fuel</t>
  </si>
  <si>
    <t>(4)</t>
  </si>
  <si>
    <t>Authorized Overrun - Utility Supplied Fuel</t>
  </si>
  <si>
    <t>Authorized Overrun - Shipper Supplied Fuel</t>
  </si>
  <si>
    <t>Rate M16</t>
  </si>
  <si>
    <t>Monthly Fixed Charge</t>
  </si>
  <si>
    <t>Firm Demand Charge</t>
  </si>
  <si>
    <t>East of Dawn</t>
  </si>
  <si>
    <t>West of Dawn</t>
  </si>
  <si>
    <t>Transmission Commodity Charge</t>
  </si>
  <si>
    <t>Transportation Fuel Charges to Dawn</t>
  </si>
  <si>
    <t>East of Dawn - Utility Supplied Fuel</t>
  </si>
  <si>
    <t>West of Dawn - Utility Supplied Fuel</t>
  </si>
  <si>
    <t>East of Dawn - Shipper supplied fuel</t>
  </si>
  <si>
    <t>West of Dawn - Shipper supplied fuel</t>
  </si>
  <si>
    <t>Transportation Fuel Charges to Pools</t>
  </si>
  <si>
    <t>Rate M17</t>
  </si>
  <si>
    <t>Firm Transportation</t>
  </si>
  <si>
    <t>Dawn to Delivery Area</t>
  </si>
  <si>
    <t>Kirkwall to Delivery Area or Dawn</t>
  </si>
  <si>
    <t>Parkway (TCPL) to Delivery Area or Dawn</t>
  </si>
  <si>
    <t>Dawn to Delivery Area (Nov. 1 - Mar. 31)</t>
  </si>
  <si>
    <t>Dawn to Delivery Area (Apr. 1 - Oct. 31)</t>
  </si>
  <si>
    <t>Kirkwall to Delivery Area or Dawn (Nov. 1 - Mar. 31)</t>
  </si>
  <si>
    <t>Kirkwall to Delivery Area or Dawn (Apr. 1 - Oct. 31)</t>
  </si>
  <si>
    <t>Parkway (TCPL) to Delivery Area or Dawn (Nov. 1 - Mar. 31)</t>
  </si>
  <si>
    <t>Parkway (TCPL) to Delivery Area or Dawn (Apr. 1 - Oct. 31)</t>
  </si>
  <si>
    <t>Transmission Commodity Charges</t>
  </si>
  <si>
    <t>Rate C1</t>
  </si>
  <si>
    <t>Parkway to Dawn</t>
  </si>
  <si>
    <t>Parkway to Kirkwall</t>
  </si>
  <si>
    <t>Kirkwall to Dawn</t>
  </si>
  <si>
    <t>Between St. Clair / Bluewater / Ojibway &amp; Dawn</t>
  </si>
  <si>
    <t>Dawn to Dawn-Vector</t>
  </si>
  <si>
    <t>Dawn to Dawn-TCPL</t>
  </si>
  <si>
    <t xml:space="preserve"> Commodity Charges</t>
  </si>
  <si>
    <t xml:space="preserve">Dawn to Kirkwall </t>
  </si>
  <si>
    <t xml:space="preserve">Kirkwall to Dawn </t>
  </si>
  <si>
    <t>Parkway to Kirkwall / Dawn</t>
  </si>
  <si>
    <t>Notes:</t>
  </si>
  <si>
    <t>(1)</t>
  </si>
  <si>
    <t>Working Papers, Schedule 20, column (b).</t>
  </si>
  <si>
    <t>(2)</t>
  </si>
  <si>
    <t>Working Papers, Schedule 28, p.2, columns (e) and (j), and p.3 column (i).</t>
  </si>
  <si>
    <t>Monthly fuel rates and fuel and commodity ratios per Appendix B, Schedule B.</t>
  </si>
  <si>
    <t>Plus shipper supplied fuel per rate schedule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1">
    <numFmt numFmtId="7" formatCode="&quot;$&quot;#,##0.00_);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_)"/>
    <numFmt numFmtId="165" formatCode="0.0000_)"/>
    <numFmt numFmtId="166" formatCode="0_)"/>
    <numFmt numFmtId="167" formatCode="0.0000000_)"/>
    <numFmt numFmtId="168" formatCode="0.000_)"/>
    <numFmt numFmtId="169" formatCode="#,##0.0000_);\(#,##0.0000\)"/>
    <numFmt numFmtId="170" formatCode="#,##0.00000_);\(#,##0.00000\)"/>
    <numFmt numFmtId="171" formatCode="&quot;$&quot;#,##0.0000_);\(&quot;$&quot;#,##0.0000\)"/>
    <numFmt numFmtId="172" formatCode="_(&quot;$&quot;* #,##0.0000_);_(&quot;$&quot;* \(#,##0.0000\);_(&quot;$&quot;* &quot;-&quot;??_);_(@_)"/>
    <numFmt numFmtId="173" formatCode="_(* #,##0.0000_);_(* \(#,##0.0000\);_(* &quot;-&quot;??_);_(@_)"/>
    <numFmt numFmtId="174" formatCode="0.0000"/>
    <numFmt numFmtId="175" formatCode="0.000%"/>
    <numFmt numFmtId="176" formatCode="0.000"/>
    <numFmt numFmtId="177" formatCode="#,##0.000_);\(#,##0.000\)"/>
    <numFmt numFmtId="178" formatCode="_(* #,##0.000_);_(* \(#,##0.000\);_(* &quot;-&quot;??_);_(@_)"/>
    <numFmt numFmtId="179" formatCode="_(* #,##0.000000_);_(* \(#,##0.000000\);_(* &quot;-&quot;??_);_(@_)"/>
    <numFmt numFmtId="180" formatCode="###0.000%;\(###0.000%\)"/>
    <numFmt numFmtId="181" formatCode="&quot;$&quot;#,##0.00"/>
  </numFmts>
  <fonts count="14">
    <font>
      <sz val="11"/>
      <color theme="1"/>
      <name val="Arial"/>
      <family val="2"/>
    </font>
    <font>
      <sz val="11"/>
      <color theme="1"/>
      <name val="Calibri"/>
      <family val="2"/>
      <scheme val="minor"/>
    </font>
    <font>
      <sz val="10"/>
      <name val="Arial MT"/>
    </font>
    <font>
      <sz val="10"/>
      <name val="Courier"/>
      <family val="3"/>
    </font>
    <font>
      <u/>
      <sz val="10"/>
      <name val="Arial"/>
      <family val="2"/>
    </font>
    <font>
      <sz val="10"/>
      <name val="Arial"/>
      <family val="2"/>
    </font>
    <font>
      <sz val="10"/>
      <name val="Times New Roman"/>
      <family val="1"/>
    </font>
    <font>
      <vertAlign val="superscript"/>
      <sz val="10"/>
      <name val="Arial"/>
      <family val="2"/>
    </font>
    <font>
      <sz val="10"/>
      <color rgb="FFFF0000"/>
      <name val="Arial"/>
      <family val="2"/>
    </font>
    <font>
      <sz val="11"/>
      <color theme="1"/>
      <name val="Arial"/>
      <family val="2"/>
    </font>
    <font>
      <sz val="10"/>
      <color theme="1"/>
      <name val="Arial"/>
      <family val="2"/>
    </font>
    <font>
      <sz val="12"/>
      <name val="Arial"/>
      <family val="2"/>
    </font>
    <font>
      <sz val="8"/>
      <name val="Arial"/>
      <family val="2"/>
    </font>
    <font>
      <b/>
      <u/>
      <sz val="10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14">
    <xf numFmtId="0" fontId="0" fillId="0" borderId="0"/>
    <xf numFmtId="43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0" fontId="2" fillId="0" borderId="0"/>
    <xf numFmtId="164" fontId="3" fillId="0" borderId="0"/>
    <xf numFmtId="0" fontId="6" fillId="0" borderId="0"/>
    <xf numFmtId="0" fontId="5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1" fillId="0" borderId="0"/>
    <xf numFmtId="37" fontId="11" fillId="0" borderId="0"/>
    <xf numFmtId="44" fontId="1" fillId="0" borderId="0" applyFont="0" applyFill="0" applyBorder="0" applyAlignment="0" applyProtection="0"/>
    <xf numFmtId="0" fontId="9" fillId="0" borderId="0"/>
  </cellStyleXfs>
  <cellXfs count="138">
    <xf numFmtId="0" fontId="0" fillId="0" borderId="0" xfId="0"/>
    <xf numFmtId="164" fontId="5" fillId="0" borderId="0" xfId="5" applyFont="1"/>
    <xf numFmtId="164" fontId="8" fillId="0" borderId="0" xfId="5" applyFont="1"/>
    <xf numFmtId="7" fontId="5" fillId="0" borderId="0" xfId="5" applyNumberFormat="1" applyFont="1"/>
    <xf numFmtId="165" fontId="5" fillId="0" borderId="0" xfId="5" applyNumberFormat="1" applyFont="1"/>
    <xf numFmtId="168" fontId="5" fillId="0" borderId="0" xfId="5" applyNumberFormat="1" applyFont="1"/>
    <xf numFmtId="0" fontId="10" fillId="0" borderId="0" xfId="0" applyFont="1"/>
    <xf numFmtId="43" fontId="5" fillId="0" borderId="0" xfId="1" applyFont="1"/>
    <xf numFmtId="164" fontId="4" fillId="2" borderId="0" xfId="5" quotePrefix="1" applyFont="1" applyFill="1" applyAlignment="1">
      <alignment horizontal="centerContinuous"/>
    </xf>
    <xf numFmtId="0" fontId="5" fillId="2" borderId="0" xfId="4" applyFont="1" applyFill="1" applyAlignment="1">
      <alignment horizontal="centerContinuous"/>
    </xf>
    <xf numFmtId="164" fontId="5" fillId="2" borderId="0" xfId="5" applyFont="1" applyFill="1" applyAlignment="1">
      <alignment horizontal="centerContinuous"/>
    </xf>
    <xf numFmtId="0" fontId="5" fillId="2" borderId="0" xfId="6" applyFont="1" applyFill="1"/>
    <xf numFmtId="0" fontId="5" fillId="2" borderId="0" xfId="6" applyFont="1" applyFill="1" applyAlignment="1">
      <alignment wrapText="1"/>
    </xf>
    <xf numFmtId="0" fontId="5" fillId="2" borderId="0" xfId="6" applyFont="1" applyFill="1" applyAlignment="1">
      <alignment horizontal="centerContinuous"/>
    </xf>
    <xf numFmtId="164" fontId="5" fillId="2" borderId="0" xfId="5" applyFont="1" applyFill="1" applyAlignment="1">
      <alignment horizontal="center"/>
    </xf>
    <xf numFmtId="164" fontId="5" fillId="2" borderId="0" xfId="5" applyFont="1" applyFill="1" applyAlignment="1">
      <alignment horizontal="left"/>
    </xf>
    <xf numFmtId="164" fontId="5" fillId="2" borderId="0" xfId="5" applyFont="1" applyFill="1"/>
    <xf numFmtId="164" fontId="5" fillId="2" borderId="0" xfId="5" quotePrefix="1" applyFont="1" applyFill="1" applyAlignment="1">
      <alignment horizontal="center"/>
    </xf>
    <xf numFmtId="0" fontId="5" fillId="2" borderId="0" xfId="6" applyFont="1" applyFill="1" applyAlignment="1">
      <alignment horizontal="center" wrapText="1"/>
    </xf>
    <xf numFmtId="164" fontId="5" fillId="2" borderId="1" xfId="5" quotePrefix="1" applyFont="1" applyFill="1" applyBorder="1" applyAlignment="1">
      <alignment horizontal="center"/>
    </xf>
    <xf numFmtId="164" fontId="5" fillId="2" borderId="1" xfId="5" applyFont="1" applyFill="1" applyBorder="1"/>
    <xf numFmtId="0" fontId="5" fillId="2" borderId="1" xfId="5" quotePrefix="1" applyNumberFormat="1" applyFont="1" applyFill="1" applyBorder="1" applyAlignment="1">
      <alignment horizontal="center"/>
    </xf>
    <xf numFmtId="0" fontId="5" fillId="2" borderId="1" xfId="6" applyFont="1" applyFill="1" applyBorder="1" applyAlignment="1">
      <alignment horizontal="center"/>
    </xf>
    <xf numFmtId="0" fontId="5" fillId="2" borderId="0" xfId="6" quotePrefix="1" applyFont="1" applyFill="1" applyAlignment="1">
      <alignment horizontal="center"/>
    </xf>
    <xf numFmtId="0" fontId="5" fillId="2" borderId="0" xfId="6" applyFont="1" applyFill="1" applyAlignment="1">
      <alignment horizontal="center"/>
    </xf>
    <xf numFmtId="37" fontId="5" fillId="2" borderId="0" xfId="5" applyNumberFormat="1" applyFont="1" applyFill="1"/>
    <xf numFmtId="166" fontId="5" fillId="2" borderId="0" xfId="5" applyNumberFormat="1" applyFont="1" applyFill="1" applyAlignment="1">
      <alignment horizontal="center"/>
    </xf>
    <xf numFmtId="7" fontId="5" fillId="2" borderId="0" xfId="5" applyNumberFormat="1" applyFont="1" applyFill="1"/>
    <xf numFmtId="167" fontId="5" fillId="2" borderId="0" xfId="5" applyNumberFormat="1" applyFont="1" applyFill="1"/>
    <xf numFmtId="44" fontId="5" fillId="2" borderId="0" xfId="2" applyFont="1" applyFill="1"/>
    <xf numFmtId="10" fontId="5" fillId="2" borderId="0" xfId="5" applyNumberFormat="1" applyFont="1" applyFill="1"/>
    <xf numFmtId="169" fontId="5" fillId="2" borderId="0" xfId="5" applyNumberFormat="1" applyFont="1" applyFill="1"/>
    <xf numFmtId="170" fontId="5" fillId="2" borderId="0" xfId="5" applyNumberFormat="1" applyFont="1" applyFill="1"/>
    <xf numFmtId="172" fontId="5" fillId="2" borderId="0" xfId="2" applyNumberFormat="1" applyFont="1" applyFill="1"/>
    <xf numFmtId="165" fontId="5" fillId="2" borderId="0" xfId="5" applyNumberFormat="1" applyFont="1" applyFill="1"/>
    <xf numFmtId="171" fontId="5" fillId="2" borderId="0" xfId="5" applyNumberFormat="1" applyFont="1" applyFill="1"/>
    <xf numFmtId="164" fontId="5" fillId="2" borderId="0" xfId="5" applyFont="1" applyFill="1" applyAlignment="1">
      <alignment horizontal="right"/>
    </xf>
    <xf numFmtId="0" fontId="5" fillId="2" borderId="0" xfId="4" applyFont="1" applyFill="1"/>
    <xf numFmtId="0" fontId="5" fillId="2" borderId="0" xfId="4" applyFont="1" applyFill="1" applyAlignment="1">
      <alignment horizontal="left"/>
    </xf>
    <xf numFmtId="7" fontId="5" fillId="2" borderId="0" xfId="4" applyNumberFormat="1" applyFont="1" applyFill="1"/>
    <xf numFmtId="169" fontId="5" fillId="2" borderId="0" xfId="4" applyNumberFormat="1" applyFont="1" applyFill="1"/>
    <xf numFmtId="0" fontId="5" fillId="2" borderId="0" xfId="0" applyFont="1" applyFill="1" applyAlignment="1">
      <alignment horizontal="left"/>
    </xf>
    <xf numFmtId="0" fontId="5" fillId="2" borderId="0" xfId="4" quotePrefix="1" applyFont="1" applyFill="1" applyAlignment="1">
      <alignment horizontal="left"/>
    </xf>
    <xf numFmtId="0" fontId="10" fillId="2" borderId="0" xfId="0" applyFont="1" applyFill="1"/>
    <xf numFmtId="173" fontId="5" fillId="2" borderId="0" xfId="9" applyNumberFormat="1" applyFont="1" applyFill="1" applyProtection="1"/>
    <xf numFmtId="0" fontId="5" fillId="2" borderId="0" xfId="0" applyFont="1" applyFill="1"/>
    <xf numFmtId="165" fontId="5" fillId="2" borderId="0" xfId="4" applyNumberFormat="1" applyFont="1" applyFill="1"/>
    <xf numFmtId="166" fontId="5" fillId="2" borderId="0" xfId="5" applyNumberFormat="1" applyFont="1" applyFill="1"/>
    <xf numFmtId="164" fontId="4" fillId="2" borderId="0" xfId="5" applyFont="1" applyFill="1" applyAlignment="1">
      <alignment horizontal="centerContinuous"/>
    </xf>
    <xf numFmtId="166" fontId="5" fillId="2" borderId="0" xfId="5" applyNumberFormat="1" applyFont="1" applyFill="1" applyAlignment="1">
      <alignment horizontal="centerContinuous"/>
    </xf>
    <xf numFmtId="177" fontId="5" fillId="2" borderId="0" xfId="5" applyNumberFormat="1" applyFont="1" applyFill="1"/>
    <xf numFmtId="168" fontId="5" fillId="2" borderId="0" xfId="5" applyNumberFormat="1" applyFont="1" applyFill="1"/>
    <xf numFmtId="37" fontId="5" fillId="2" borderId="0" xfId="11" applyFont="1" applyFill="1"/>
    <xf numFmtId="37" fontId="5" fillId="2" borderId="0" xfId="11" applyFont="1" applyFill="1" applyAlignment="1">
      <alignment horizontal="left"/>
    </xf>
    <xf numFmtId="175" fontId="5" fillId="2" borderId="0" xfId="5" applyNumberFormat="1" applyFont="1" applyFill="1"/>
    <xf numFmtId="0" fontId="5" fillId="0" borderId="0" xfId="13" applyFont="1" applyAlignment="1">
      <alignment horizontal="center"/>
    </xf>
    <xf numFmtId="1" fontId="5" fillId="2" borderId="0" xfId="5" applyNumberFormat="1" applyFont="1" applyFill="1" applyAlignment="1">
      <alignment horizontal="left"/>
    </xf>
    <xf numFmtId="0" fontId="5" fillId="2" borderId="0" xfId="13" applyFont="1" applyFill="1" applyAlignment="1">
      <alignment horizontal="center"/>
    </xf>
    <xf numFmtId="0" fontId="5" fillId="0" borderId="0" xfId="6" applyFont="1" applyAlignment="1">
      <alignment horizontal="center"/>
    </xf>
    <xf numFmtId="43" fontId="5" fillId="2" borderId="0" xfId="1" applyFont="1" applyFill="1"/>
    <xf numFmtId="178" fontId="5" fillId="2" borderId="0" xfId="1" applyNumberFormat="1" applyFont="1" applyFill="1"/>
    <xf numFmtId="173" fontId="5" fillId="2" borderId="0" xfId="1" applyNumberFormat="1" applyFont="1" applyFill="1"/>
    <xf numFmtId="176" fontId="5" fillId="2" borderId="0" xfId="5" applyNumberFormat="1" applyFont="1" applyFill="1"/>
    <xf numFmtId="179" fontId="5" fillId="2" borderId="0" xfId="1" applyNumberFormat="1" applyFont="1" applyFill="1"/>
    <xf numFmtId="169" fontId="5" fillId="2" borderId="0" xfId="5" quotePrefix="1" applyNumberFormat="1" applyFont="1" applyFill="1" applyAlignment="1">
      <alignment horizontal="center"/>
    </xf>
    <xf numFmtId="1" fontId="5" fillId="2" borderId="0" xfId="5" applyNumberFormat="1" applyFont="1" applyFill="1" applyAlignment="1">
      <alignment horizontal="center"/>
    </xf>
    <xf numFmtId="0" fontId="5" fillId="2" borderId="0" xfId="4" applyFont="1" applyFill="1" applyAlignment="1">
      <alignment horizontal="center"/>
    </xf>
    <xf numFmtId="0" fontId="5" fillId="2" borderId="0" xfId="4" quotePrefix="1" applyFont="1" applyFill="1" applyAlignment="1">
      <alignment horizontal="center"/>
    </xf>
    <xf numFmtId="164" fontId="4" fillId="2" borderId="0" xfId="5" applyFont="1" applyFill="1"/>
    <xf numFmtId="0" fontId="5" fillId="2" borderId="1" xfId="7" applyFill="1" applyBorder="1" applyAlignment="1">
      <alignment horizontal="center"/>
    </xf>
    <xf numFmtId="0" fontId="5" fillId="2" borderId="0" xfId="7" applyFill="1" applyAlignment="1">
      <alignment horizontal="center"/>
    </xf>
    <xf numFmtId="1" fontId="5" fillId="2" borderId="0" xfId="7" applyNumberFormat="1" applyFill="1" applyAlignment="1">
      <alignment horizontal="center"/>
    </xf>
    <xf numFmtId="0" fontId="5" fillId="0" borderId="0" xfId="4" applyFont="1"/>
    <xf numFmtId="0" fontId="2" fillId="2" borderId="0" xfId="4" applyFill="1" applyAlignment="1">
      <alignment horizontal="centerContinuous"/>
    </xf>
    <xf numFmtId="0" fontId="2" fillId="2" borderId="0" xfId="4" applyFill="1" applyAlignment="1">
      <alignment horizontal="center"/>
    </xf>
    <xf numFmtId="0" fontId="5" fillId="2" borderId="0" xfId="5" quotePrefix="1" applyNumberFormat="1" applyFont="1" applyFill="1" applyAlignment="1">
      <alignment horizontal="center"/>
    </xf>
    <xf numFmtId="0" fontId="5" fillId="2" borderId="0" xfId="7" quotePrefix="1" applyFill="1" applyAlignment="1">
      <alignment horizontal="center"/>
    </xf>
    <xf numFmtId="9" fontId="5" fillId="0" borderId="0" xfId="3" applyFont="1"/>
    <xf numFmtId="0" fontId="5" fillId="0" borderId="0" xfId="4" applyFont="1" applyAlignment="1">
      <alignment horizontal="left"/>
    </xf>
    <xf numFmtId="0" fontId="5" fillId="2" borderId="0" xfId="7" applyFill="1" applyAlignment="1">
      <alignment horizontal="centerContinuous"/>
    </xf>
    <xf numFmtId="0" fontId="5" fillId="2" borderId="0" xfId="7" applyFill="1" applyAlignment="1">
      <alignment horizontal="center" wrapText="1"/>
    </xf>
    <xf numFmtId="0" fontId="5" fillId="0" borderId="0" xfId="4" applyFont="1" applyAlignment="1">
      <alignment horizontal="right"/>
    </xf>
    <xf numFmtId="165" fontId="5" fillId="0" borderId="0" xfId="4" applyNumberFormat="1" applyFont="1"/>
    <xf numFmtId="0" fontId="5" fillId="0" borderId="0" xfId="4" quotePrefix="1" applyFont="1" applyAlignment="1">
      <alignment horizontal="center"/>
    </xf>
    <xf numFmtId="169" fontId="5" fillId="0" borderId="0" xfId="4" applyNumberFormat="1" applyFont="1"/>
    <xf numFmtId="0" fontId="5" fillId="2" borderId="1" xfId="7" applyFill="1" applyBorder="1" applyAlignment="1">
      <alignment horizontal="centerContinuous"/>
    </xf>
    <xf numFmtId="164" fontId="5" fillId="0" borderId="0" xfId="5" applyFont="1" applyAlignment="1">
      <alignment horizontal="center"/>
    </xf>
    <xf numFmtId="177" fontId="5" fillId="2" borderId="0" xfId="1" applyNumberFormat="1" applyFont="1" applyFill="1"/>
    <xf numFmtId="0" fontId="5" fillId="2" borderId="1" xfId="7" quotePrefix="1" applyFill="1" applyBorder="1" applyAlignment="1">
      <alignment horizontal="center"/>
    </xf>
    <xf numFmtId="164" fontId="5" fillId="2" borderId="0" xfId="5" applyFont="1" applyFill="1" applyAlignment="1">
      <alignment horizontal="left" indent="1"/>
    </xf>
    <xf numFmtId="37" fontId="5" fillId="2" borderId="0" xfId="11" applyFont="1" applyFill="1" applyAlignment="1">
      <alignment horizontal="left" indent="1"/>
    </xf>
    <xf numFmtId="37" fontId="5" fillId="2" borderId="0" xfId="11" applyFont="1" applyFill="1" applyAlignment="1">
      <alignment horizontal="left" indent="2"/>
    </xf>
    <xf numFmtId="164" fontId="5" fillId="0" borderId="0" xfId="5" applyFont="1" applyAlignment="1">
      <alignment horizontal="centerContinuous"/>
    </xf>
    <xf numFmtId="174" fontId="5" fillId="2" borderId="0" xfId="5" applyNumberFormat="1" applyFont="1" applyFill="1"/>
    <xf numFmtId="165" fontId="5" fillId="2" borderId="0" xfId="5" applyNumberFormat="1" applyFont="1" applyFill="1" applyAlignment="1">
      <alignment horizontal="right"/>
    </xf>
    <xf numFmtId="7" fontId="5" fillId="2" borderId="0" xfId="5" applyNumberFormat="1" applyFont="1" applyFill="1" applyAlignment="1">
      <alignment horizontal="right"/>
    </xf>
    <xf numFmtId="169" fontId="5" fillId="2" borderId="0" xfId="5" applyNumberFormat="1" applyFont="1" applyFill="1" applyAlignment="1">
      <alignment horizontal="right"/>
    </xf>
    <xf numFmtId="164" fontId="5" fillId="0" borderId="0" xfId="5" applyFont="1" applyAlignment="1">
      <alignment horizontal="right"/>
    </xf>
    <xf numFmtId="0" fontId="4" fillId="2" borderId="0" xfId="7" applyFont="1" applyFill="1" applyAlignment="1">
      <alignment horizontal="center"/>
    </xf>
    <xf numFmtId="0" fontId="4" fillId="2" borderId="0" xfId="4" quotePrefix="1" applyFont="1" applyFill="1" applyAlignment="1">
      <alignment horizontal="center"/>
    </xf>
    <xf numFmtId="0" fontId="4" fillId="2" borderId="0" xfId="4" applyFont="1" applyFill="1" applyAlignment="1">
      <alignment horizontal="center"/>
    </xf>
    <xf numFmtId="164" fontId="4" fillId="2" borderId="0" xfId="5" quotePrefix="1" applyFont="1" applyFill="1" applyAlignment="1">
      <alignment horizontal="center"/>
    </xf>
    <xf numFmtId="0" fontId="5" fillId="2" borderId="0" xfId="10" applyFont="1" applyFill="1" applyAlignment="1">
      <alignment horizontal="center"/>
    </xf>
    <xf numFmtId="0" fontId="5" fillId="2" borderId="0" xfId="10" quotePrefix="1" applyFont="1" applyFill="1" applyAlignment="1">
      <alignment horizontal="center"/>
    </xf>
    <xf numFmtId="0" fontId="5" fillId="2" borderId="1" xfId="10" applyFont="1" applyFill="1" applyBorder="1" applyAlignment="1">
      <alignment horizontal="center"/>
    </xf>
    <xf numFmtId="0" fontId="4" fillId="2" borderId="0" xfId="0" applyFont="1" applyFill="1"/>
    <xf numFmtId="0" fontId="4" fillId="0" borderId="0" xfId="0" applyFont="1"/>
    <xf numFmtId="0" fontId="5" fillId="2" borderId="0" xfId="0" applyFont="1" applyFill="1" applyAlignment="1">
      <alignment horizontal="left" indent="1"/>
    </xf>
    <xf numFmtId="0" fontId="5" fillId="2" borderId="1" xfId="10" applyFont="1" applyFill="1" applyBorder="1"/>
    <xf numFmtId="0" fontId="5" fillId="2" borderId="0" xfId="0" applyFont="1" applyFill="1" applyAlignment="1">
      <alignment horizontal="left" indent="2"/>
    </xf>
    <xf numFmtId="0" fontId="5" fillId="2" borderId="0" xfId="0" applyFont="1" applyFill="1" applyAlignment="1">
      <alignment horizontal="center"/>
    </xf>
    <xf numFmtId="165" fontId="5" fillId="2" borderId="0" xfId="0" applyNumberFormat="1" applyFont="1" applyFill="1"/>
    <xf numFmtId="174" fontId="5" fillId="2" borderId="0" xfId="0" applyNumberFormat="1" applyFont="1" applyFill="1"/>
    <xf numFmtId="173" fontId="5" fillId="2" borderId="0" xfId="0" applyNumberFormat="1" applyFont="1" applyFill="1"/>
    <xf numFmtId="176" fontId="5" fillId="2" borderId="0" xfId="0" applyNumberFormat="1" applyFont="1" applyFill="1"/>
    <xf numFmtId="0" fontId="5" fillId="2" borderId="0" xfId="0" applyFont="1" applyFill="1" applyAlignment="1">
      <alignment horizontal="right"/>
    </xf>
    <xf numFmtId="174" fontId="5" fillId="2" borderId="0" xfId="0" applyNumberFormat="1" applyFont="1" applyFill="1" applyAlignment="1">
      <alignment horizontal="right"/>
    </xf>
    <xf numFmtId="174" fontId="5" fillId="0" borderId="0" xfId="0" applyNumberFormat="1" applyFont="1"/>
    <xf numFmtId="0" fontId="13" fillId="2" borderId="0" xfId="0" applyFont="1" applyFill="1"/>
    <xf numFmtId="0" fontId="5" fillId="2" borderId="0" xfId="0" applyFont="1" applyFill="1" applyAlignment="1">
      <alignment horizontal="left" indent="4"/>
    </xf>
    <xf numFmtId="0" fontId="5" fillId="2" borderId="0" xfId="0" applyFont="1" applyFill="1" applyAlignment="1">
      <alignment horizontal="left" indent="3"/>
    </xf>
    <xf numFmtId="175" fontId="5" fillId="2" borderId="0" xfId="0" applyNumberFormat="1" applyFont="1" applyFill="1"/>
    <xf numFmtId="168" fontId="5" fillId="2" borderId="0" xfId="0" applyNumberFormat="1" applyFont="1" applyFill="1"/>
    <xf numFmtId="0" fontId="5" fillId="0" borderId="0" xfId="0" applyFont="1"/>
    <xf numFmtId="0" fontId="5" fillId="2" borderId="0" xfId="0" quotePrefix="1" applyFont="1" applyFill="1" applyAlignment="1">
      <alignment horizontal="center"/>
    </xf>
    <xf numFmtId="178" fontId="5" fillId="2" borderId="0" xfId="1" applyNumberFormat="1" applyFont="1" applyFill="1" applyAlignment="1">
      <alignment horizontal="center"/>
    </xf>
    <xf numFmtId="180" fontId="5" fillId="2" borderId="0" xfId="0" applyNumberFormat="1" applyFont="1" applyFill="1"/>
    <xf numFmtId="178" fontId="5" fillId="0" borderId="0" xfId="1" applyNumberFormat="1" applyFont="1"/>
    <xf numFmtId="0" fontId="5" fillId="0" borderId="0" xfId="0" applyFont="1" applyAlignment="1">
      <alignment horizontal="left"/>
    </xf>
    <xf numFmtId="0" fontId="5" fillId="2" borderId="0" xfId="0" quotePrefix="1" applyFont="1" applyFill="1"/>
    <xf numFmtId="181" fontId="5" fillId="2" borderId="0" xfId="0" applyNumberFormat="1" applyFont="1" applyFill="1"/>
    <xf numFmtId="173" fontId="5" fillId="0" borderId="0" xfId="1" applyNumberFormat="1" applyFont="1" applyFill="1"/>
    <xf numFmtId="0" fontId="5" fillId="0" borderId="0" xfId="0" applyFont="1" applyFill="1"/>
    <xf numFmtId="165" fontId="5" fillId="0" borderId="0" xfId="5" applyNumberFormat="1" applyFont="1" applyFill="1" applyAlignment="1">
      <alignment horizontal="right"/>
    </xf>
    <xf numFmtId="0" fontId="4" fillId="2" borderId="0" xfId="4" applyFont="1" applyFill="1" applyAlignment="1">
      <alignment horizontal="center"/>
    </xf>
    <xf numFmtId="164" fontId="4" fillId="2" borderId="0" xfId="5" quotePrefix="1" applyFont="1" applyFill="1" applyAlignment="1">
      <alignment horizontal="center"/>
    </xf>
    <xf numFmtId="0" fontId="4" fillId="2" borderId="0" xfId="4" quotePrefix="1" applyFont="1" applyFill="1" applyAlignment="1">
      <alignment horizontal="center"/>
    </xf>
    <xf numFmtId="164" fontId="4" fillId="2" borderId="0" xfId="5" applyFont="1" applyFill="1" applyAlignment="1">
      <alignment horizontal="center"/>
    </xf>
  </cellXfs>
  <cellStyles count="14">
    <cellStyle name="Comma" xfId="1" builtinId="3"/>
    <cellStyle name="Comma 4" xfId="9" xr:uid="{17AD92CE-7E10-4FD6-823D-4D7B02C8AFF6}"/>
    <cellStyle name="Currency" xfId="2" builtinId="4"/>
    <cellStyle name="Currency 2" xfId="12" xr:uid="{6197F008-33DC-4CD8-8FA6-BABD42D20429}"/>
    <cellStyle name="Normal" xfId="0" builtinId="0"/>
    <cellStyle name="Normal 3" xfId="13" xr:uid="{9F777980-EFDB-4016-9301-6E367B460FCD}"/>
    <cellStyle name="Normal 4" xfId="4" xr:uid="{198B5363-8E70-45B1-9FA3-AF3B1F1E4C08}"/>
    <cellStyle name="Normal 4 3" xfId="6" xr:uid="{4375DC45-1E7F-4549-A56A-AC33EADED5EE}"/>
    <cellStyle name="Normal 6" xfId="10" xr:uid="{A673D573-13DB-49E7-8710-7719D4560020}"/>
    <cellStyle name="Normal 60" xfId="7" xr:uid="{98731ED3-56C9-41ED-9B59-3AE683AC38E4}"/>
    <cellStyle name="Normal_EXH-H" xfId="5" xr:uid="{67C8115B-EEE8-48D5-BC4B-0134178B6B68}"/>
    <cellStyle name="Normal_H3T2S4+S6_1" xfId="11" xr:uid="{1AC10122-31D6-4F7F-A2E6-439E044AAEB0}"/>
    <cellStyle name="Percent" xfId="3" builtinId="5"/>
    <cellStyle name="Percent 4" xfId="8" xr:uid="{840F1DFB-9342-4D25-916A-B700651AA81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12" Type="http://schemas.openxmlformats.org/officeDocument/2006/relationships/customXml" Target="../customXml/item4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3.xml"/><Relationship Id="rId5" Type="http://schemas.openxmlformats.org/officeDocument/2006/relationships/theme" Target="theme/theme1.xml"/><Relationship Id="rId10" Type="http://schemas.openxmlformats.org/officeDocument/2006/relationships/customXml" Target="../customXml/item2.xml"/><Relationship Id="rId4" Type="http://schemas.openxmlformats.org/officeDocument/2006/relationships/externalLink" Target="externalLinks/externalLink3.xml"/><Relationship Id="rId9" Type="http://schemas.openxmlformats.org/officeDocument/2006/relationships/customXml" Target="../customXml/item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687\EGI%20Rates%20&amp;%20Costs\RDESIGN\EB-2017-0086%20(2018)\QRAM\EB%202018-0249%20Q4\Exhibits\BOARD%20FILING%20EB-0249%20Q4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Rates/Annual%20Rates/2023/Union%20RZ/2023%20Rates%20DM%20(Apr%2022%20QRAM)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2024%20Rebasing/2024%20Cost%20of%20Service/1.%20Prefiled%20Evidence%20-%20Nov%202022/11.%20Nov%2030%20Filing%20-%20Models/2022-11-15%202024%20Exfran%20Model%20-%20Working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pproved Rates"/>
      <sheetName val="Proposed Rates"/>
      <sheetName val="T1 S1.1 (old)"/>
      <sheetName val="T1 S1.1 (DTS)"/>
      <sheetName val="T1 S1.1T (Not Necessary)"/>
      <sheetName val="T1 S1.2(Old)"/>
      <sheetName val="T1 S1.2 (DTS)"/>
      <sheetName val="T2 S1.1"/>
      <sheetName val="T3 S1.1"/>
      <sheetName val="T3 S1.2"/>
      <sheetName val="T3 S1.3"/>
      <sheetName val="T3 S1.4"/>
      <sheetName val="T4 S1.1-2"/>
      <sheetName val="T4 S1.3"/>
      <sheetName val="T4 S1. p4"/>
      <sheetName val="T5 S1.1"/>
      <sheetName val="T5 S1.2"/>
      <sheetName val="T5 S1.3"/>
      <sheetName val="T5 S1.4"/>
      <sheetName val="T5 S1.5"/>
      <sheetName val="T5 S1.6"/>
      <sheetName val="T5 S1.7"/>
      <sheetName val="T7 S1.1"/>
      <sheetName val="T7 S1.2"/>
      <sheetName val="T7 S1.3"/>
      <sheetName val="T7 S1.4"/>
      <sheetName val="T7 S1.5"/>
      <sheetName val="T7 S1.6"/>
      <sheetName val="T7 S1.7"/>
      <sheetName val="T7 S1.8"/>
      <sheetName val="T7 S1.1 (SRC)"/>
      <sheetName val="T7 S1.2 (SRC)"/>
      <sheetName val="T7 S1.3 (SRC)"/>
      <sheetName val="T7 S1.4 (SRC)"/>
      <sheetName val="T7 S1.5 (SRC)"/>
      <sheetName val="T7 S1.6 (SRC)"/>
      <sheetName val="T7 S1.7 (SRC)"/>
      <sheetName val="T7 S1.8 (SRC)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3">
          <cell r="M3" t="str">
            <v>EB-2018-0168 Q3</v>
          </cell>
        </row>
        <row r="4">
          <cell r="M4" t="str">
            <v>Exhibit H2</v>
          </cell>
        </row>
        <row r="5">
          <cell r="M5" t="str">
            <v>Tab 3</v>
          </cell>
        </row>
        <row r="6">
          <cell r="M6" t="str">
            <v>Schedule 1</v>
          </cell>
        </row>
        <row r="7">
          <cell r="M7" t="str">
            <v>Page 2 of  4</v>
          </cell>
        </row>
        <row r="8">
          <cell r="C8" t="str">
            <v>SUMMARY OF PROPOSED RATE CHANGE BY RATE CLASS (con't)</v>
          </cell>
        </row>
        <row r="10">
          <cell r="C10" t="str">
            <v>Col. 1</v>
          </cell>
          <cell r="E10" t="str">
            <v>Col. 2</v>
          </cell>
          <cell r="I10" t="str">
            <v>Col. 3</v>
          </cell>
          <cell r="K10" t="str">
            <v>Col. 4</v>
          </cell>
          <cell r="M10" t="str">
            <v>Col. 5</v>
          </cell>
        </row>
        <row r="12">
          <cell r="A12" t="str">
            <v>Item</v>
          </cell>
          <cell r="B12" t="str">
            <v>Rate</v>
          </cell>
          <cell r="I12" t="str">
            <v/>
          </cell>
          <cell r="K12" t="str">
            <v xml:space="preserve">Rate  </v>
          </cell>
          <cell r="M12" t="str">
            <v>Proposed</v>
          </cell>
        </row>
        <row r="13">
          <cell r="A13" t="str">
            <v xml:space="preserve">No.  </v>
          </cell>
          <cell r="B13" t="str">
            <v xml:space="preserve">No.  </v>
          </cell>
          <cell r="E13" t="str">
            <v>Rate Block</v>
          </cell>
          <cell r="I13" t="str">
            <v>EB-2018-0090</v>
          </cell>
          <cell r="K13" t="str">
            <v>Change</v>
          </cell>
          <cell r="M13" t="str">
            <v>EB-2018-0249</v>
          </cell>
        </row>
        <row r="14">
          <cell r="E14" t="str">
            <v>m³</v>
          </cell>
          <cell r="I14" t="str">
            <v>cents *</v>
          </cell>
          <cell r="K14" t="str">
            <v>cents *</v>
          </cell>
          <cell r="M14" t="str">
            <v>cents *</v>
          </cell>
        </row>
        <row r="16">
          <cell r="B16" t="str">
            <v>RATE 115</v>
          </cell>
        </row>
        <row r="17">
          <cell r="A17">
            <v>1.01</v>
          </cell>
          <cell r="C17" t="str">
            <v>Customer Charge</v>
          </cell>
          <cell r="I17">
            <v>622.62</v>
          </cell>
          <cell r="K17">
            <v>0</v>
          </cell>
          <cell r="M17">
            <v>622.62</v>
          </cell>
        </row>
        <row r="18">
          <cell r="A18">
            <v>1.02</v>
          </cell>
          <cell r="C18" t="str">
            <v>Demand Charge (Cents/Month/m³)</v>
          </cell>
          <cell r="I18">
            <v>24.36</v>
          </cell>
          <cell r="K18">
            <v>0</v>
          </cell>
          <cell r="M18">
            <v>24.36</v>
          </cell>
        </row>
        <row r="19">
          <cell r="A19">
            <v>1.03</v>
          </cell>
          <cell r="C19" t="str">
            <v>Delivery Charge</v>
          </cell>
          <cell r="E19" t="str">
            <v>first    1,000,000</v>
          </cell>
          <cell r="I19">
            <v>0.42346237185890989</v>
          </cell>
          <cell r="K19">
            <v>9.0668523333971018E-3</v>
          </cell>
          <cell r="M19">
            <v>0.43252922419230699</v>
          </cell>
        </row>
        <row r="20">
          <cell r="A20">
            <v>1.04</v>
          </cell>
          <cell r="E20" t="str">
            <v>over  1,000,000</v>
          </cell>
          <cell r="I20">
            <v>0.32346237185890986</v>
          </cell>
          <cell r="K20">
            <v>9.0668523333971018E-3</v>
          </cell>
          <cell r="M20">
            <v>0.33252922419230696</v>
          </cell>
        </row>
        <row r="21">
          <cell r="A21">
            <v>1.05</v>
          </cell>
          <cell r="C21" t="str">
            <v>Gas Supply Load Balancing</v>
          </cell>
          <cell r="I21">
            <v>0.1043</v>
          </cell>
          <cell r="K21">
            <v>1.1599999999999999E-2</v>
          </cell>
          <cell r="M21">
            <v>0.1159</v>
          </cell>
        </row>
        <row r="22">
          <cell r="A22">
            <v>1.06</v>
          </cell>
          <cell r="C22" t="str">
            <v>Gas Supply Transportation</v>
          </cell>
          <cell r="I22">
            <v>4.7525000000000004</v>
          </cell>
          <cell r="K22">
            <v>0.18819999999999926</v>
          </cell>
          <cell r="M22">
            <v>4.9406999999999996</v>
          </cell>
        </row>
        <row r="23">
          <cell r="A23">
            <v>1.07</v>
          </cell>
          <cell r="C23" t="str">
            <v>Gas Supply Transportation Dawn</v>
          </cell>
          <cell r="I23">
            <v>1.0404</v>
          </cell>
          <cell r="K23">
            <v>0</v>
          </cell>
          <cell r="M23">
            <v>1.0404</v>
          </cell>
        </row>
        <row r="24">
          <cell r="A24">
            <v>1.08</v>
          </cell>
          <cell r="C24" t="str">
            <v>Gas Supply Commodity - System</v>
          </cell>
          <cell r="I24">
            <v>9.4103999999999992</v>
          </cell>
          <cell r="K24">
            <v>0.60490000000000066</v>
          </cell>
          <cell r="M24">
            <v>10.0153</v>
          </cell>
        </row>
        <row r="25">
          <cell r="A25">
            <v>1.0900000000000001</v>
          </cell>
          <cell r="C25" t="str">
            <v>Gas Supply Commodity - Buy/Sell</v>
          </cell>
          <cell r="I25">
            <v>9.3909000000000002</v>
          </cell>
          <cell r="K25">
            <v>0.60489999999999888</v>
          </cell>
          <cell r="M25">
            <v>9.9957999999999991</v>
          </cell>
        </row>
        <row r="28">
          <cell r="B28" t="str">
            <v>RATE 125</v>
          </cell>
        </row>
        <row r="29">
          <cell r="A29">
            <v>2.0099999999999998</v>
          </cell>
          <cell r="C29" t="str">
            <v>Customer Charge</v>
          </cell>
          <cell r="I29">
            <v>500</v>
          </cell>
          <cell r="K29">
            <v>0</v>
          </cell>
          <cell r="M29">
            <v>500</v>
          </cell>
        </row>
        <row r="30">
          <cell r="A30">
            <v>2.02</v>
          </cell>
          <cell r="C30" t="str">
            <v>Delivery Charge (Cents/Month/m³ of Contract Dmnd)</v>
          </cell>
          <cell r="I30">
            <v>9.8840000000000039</v>
          </cell>
          <cell r="K30">
            <v>0</v>
          </cell>
          <cell r="M30">
            <v>9.8840000000000039</v>
          </cell>
        </row>
        <row r="33">
          <cell r="B33" t="str">
            <v>RATE 135</v>
          </cell>
          <cell r="D33" t="str">
            <v>DEC - MAR</v>
          </cell>
        </row>
        <row r="34">
          <cell r="A34">
            <v>3</v>
          </cell>
          <cell r="C34" t="str">
            <v>Customer Charge</v>
          </cell>
          <cell r="I34">
            <v>115.08</v>
          </cell>
          <cell r="K34">
            <v>0</v>
          </cell>
          <cell r="M34">
            <v>115.08</v>
          </cell>
        </row>
        <row r="35">
          <cell r="A35">
            <v>3.01</v>
          </cell>
          <cell r="C35" t="str">
            <v>Delivery Charge</v>
          </cell>
          <cell r="E35" t="str">
            <v>first   14,000</v>
          </cell>
          <cell r="I35">
            <v>7.1509140695194233</v>
          </cell>
          <cell r="K35">
            <v>9.0190139881798359E-3</v>
          </cell>
          <cell r="M35">
            <v>7.1599330835076032</v>
          </cell>
        </row>
        <row r="36">
          <cell r="A36">
            <v>3.0199999999999996</v>
          </cell>
          <cell r="E36" t="str">
            <v>next   28,000</v>
          </cell>
          <cell r="I36">
            <v>5.9509140695194231</v>
          </cell>
          <cell r="K36">
            <v>9.0190139881798359E-3</v>
          </cell>
          <cell r="M36">
            <v>5.959933083507603</v>
          </cell>
        </row>
        <row r="37">
          <cell r="A37">
            <v>3.0299999999999994</v>
          </cell>
          <cell r="E37" t="str">
            <v>over   42,000</v>
          </cell>
          <cell r="I37">
            <v>5.5509140695194228</v>
          </cell>
          <cell r="K37">
            <v>9.0190139881798359E-3</v>
          </cell>
          <cell r="M37">
            <v>5.5599330835076026</v>
          </cell>
        </row>
        <row r="38">
          <cell r="A38">
            <v>3.0399999999999991</v>
          </cell>
          <cell r="C38" t="str">
            <v>Gas Supply Load Balancing</v>
          </cell>
          <cell r="I38">
            <v>0</v>
          </cell>
          <cell r="K38">
            <v>0</v>
          </cell>
          <cell r="M38">
            <v>0</v>
          </cell>
        </row>
        <row r="39">
          <cell r="A39">
            <v>3.0499999999999989</v>
          </cell>
          <cell r="C39" t="str">
            <v>Gas Supply Transportation</v>
          </cell>
          <cell r="I39">
            <v>4.7525000000000004</v>
          </cell>
          <cell r="K39">
            <v>0.18819999999999926</v>
          </cell>
          <cell r="M39">
            <v>4.9406999999999996</v>
          </cell>
        </row>
        <row r="40">
          <cell r="A40">
            <v>3.0599999999999987</v>
          </cell>
          <cell r="C40" t="str">
            <v>Gas Supply Transportation Dawn</v>
          </cell>
          <cell r="I40">
            <v>1.0404</v>
          </cell>
          <cell r="K40">
            <v>0</v>
          </cell>
          <cell r="M40">
            <v>1.0404</v>
          </cell>
        </row>
        <row r="41">
          <cell r="A41">
            <v>3.0699999999999985</v>
          </cell>
          <cell r="C41" t="str">
            <v>Gas Supply Commodity - System</v>
          </cell>
          <cell r="I41">
            <v>9.4174000000000007</v>
          </cell>
          <cell r="K41">
            <v>0.60479999999999912</v>
          </cell>
          <cell r="M41">
            <v>10.0222</v>
          </cell>
        </row>
        <row r="42">
          <cell r="A42">
            <v>3.0799999999999983</v>
          </cell>
          <cell r="C42" t="str">
            <v>Gas Supply Commodity - Buy/Sell</v>
          </cell>
          <cell r="I42">
            <v>9.3978999999999999</v>
          </cell>
          <cell r="K42">
            <v>0.60480000000000089</v>
          </cell>
          <cell r="M42">
            <v>10.002700000000001</v>
          </cell>
        </row>
        <row r="44">
          <cell r="B44" t="str">
            <v>RATE 135</v>
          </cell>
          <cell r="D44" t="str">
            <v>APR - NOV</v>
          </cell>
        </row>
        <row r="45">
          <cell r="A45">
            <v>3.0899999999999981</v>
          </cell>
          <cell r="C45" t="str">
            <v>Customer Charge</v>
          </cell>
          <cell r="I45">
            <v>115.08</v>
          </cell>
          <cell r="K45">
            <v>0</v>
          </cell>
          <cell r="M45">
            <v>115.08</v>
          </cell>
        </row>
        <row r="46">
          <cell r="A46">
            <v>3.0999999999999979</v>
          </cell>
          <cell r="C46" t="str">
            <v>Delivery Charge</v>
          </cell>
          <cell r="E46" t="str">
            <v>first   14,000</v>
          </cell>
          <cell r="I46">
            <v>2.4509140695194231</v>
          </cell>
          <cell r="K46">
            <v>9.0190139881789477E-3</v>
          </cell>
          <cell r="M46">
            <v>2.4599330835076021</v>
          </cell>
        </row>
        <row r="47">
          <cell r="A47">
            <v>3.1099999999999977</v>
          </cell>
          <cell r="E47" t="str">
            <v>next   28,000</v>
          </cell>
          <cell r="I47">
            <v>1.750914069519423</v>
          </cell>
          <cell r="K47">
            <v>9.0190139881793918E-3</v>
          </cell>
          <cell r="M47">
            <v>1.7599330835076024</v>
          </cell>
        </row>
        <row r="48">
          <cell r="A48">
            <v>3.1199999999999974</v>
          </cell>
          <cell r="E48" t="str">
            <v>over   42,000</v>
          </cell>
          <cell r="I48">
            <v>1.550914069519423</v>
          </cell>
          <cell r="K48">
            <v>9.0190139881793918E-3</v>
          </cell>
          <cell r="M48">
            <v>1.5599330835076024</v>
          </cell>
        </row>
        <row r="49">
          <cell r="A49">
            <v>3.1299999999999972</v>
          </cell>
          <cell r="C49" t="str">
            <v>Gas Supply Load Balancing</v>
          </cell>
          <cell r="I49">
            <v>0</v>
          </cell>
          <cell r="K49">
            <v>0</v>
          </cell>
          <cell r="M49">
            <v>0</v>
          </cell>
        </row>
        <row r="50">
          <cell r="A50">
            <v>3.139999999999997</v>
          </cell>
          <cell r="C50" t="str">
            <v xml:space="preserve">Gas Supply Transportation </v>
          </cell>
          <cell r="I50">
            <v>4.7525000000000004</v>
          </cell>
          <cell r="K50">
            <v>0.18819999999999926</v>
          </cell>
          <cell r="M50">
            <v>4.9406999999999996</v>
          </cell>
        </row>
        <row r="51">
          <cell r="A51">
            <v>3.1499999999999968</v>
          </cell>
          <cell r="C51" t="str">
            <v>Gas Supply Transportation Dawn</v>
          </cell>
          <cell r="I51">
            <v>1.0404</v>
          </cell>
          <cell r="K51">
            <v>0</v>
          </cell>
          <cell r="M51">
            <v>1.0404</v>
          </cell>
        </row>
        <row r="52">
          <cell r="A52">
            <v>3.1599999999999966</v>
          </cell>
          <cell r="C52" t="str">
            <v>Gas Supply Commodity - System</v>
          </cell>
          <cell r="I52">
            <v>9.4174000000000007</v>
          </cell>
          <cell r="K52">
            <v>0.60479999999999912</v>
          </cell>
          <cell r="M52">
            <v>10.0222</v>
          </cell>
        </row>
        <row r="53">
          <cell r="A53">
            <v>3.1699999999999964</v>
          </cell>
          <cell r="C53" t="str">
            <v>Gas Supply Commodity - Buy/Sell</v>
          </cell>
          <cell r="I53">
            <v>9.3978999999999999</v>
          </cell>
          <cell r="K53">
            <v>0.60480000000000089</v>
          </cell>
          <cell r="M53">
            <v>10.002700000000001</v>
          </cell>
        </row>
        <row r="56">
          <cell r="B56" t="str">
            <v>RATE 145</v>
          </cell>
        </row>
      </sheetData>
      <sheetData sheetId="10">
        <row r="17">
          <cell r="A17">
            <v>1</v>
          </cell>
          <cell r="C17" t="str">
            <v>Customer Charge</v>
          </cell>
          <cell r="I17">
            <v>0</v>
          </cell>
          <cell r="K17">
            <v>0</v>
          </cell>
          <cell r="M17">
            <v>0</v>
          </cell>
        </row>
        <row r="18">
          <cell r="A18">
            <v>1.01</v>
          </cell>
          <cell r="C18" t="str">
            <v>Demand Charge (Cents/Month/m³)</v>
          </cell>
          <cell r="I18">
            <v>14.7</v>
          </cell>
          <cell r="K18">
            <v>0</v>
          </cell>
          <cell r="M18">
            <v>14.7</v>
          </cell>
        </row>
        <row r="19">
          <cell r="A19">
            <v>1.02</v>
          </cell>
          <cell r="C19" t="str">
            <v>Delivery Charge</v>
          </cell>
          <cell r="I19">
            <v>1.2285670491998038</v>
          </cell>
          <cell r="K19">
            <v>1.0847418731180225E-2</v>
          </cell>
          <cell r="M19">
            <v>1.239414467930984</v>
          </cell>
        </row>
        <row r="20">
          <cell r="A20">
            <v>1.03</v>
          </cell>
          <cell r="C20" t="str">
            <v>Gas Supply Load Balancing</v>
          </cell>
          <cell r="I20">
            <v>1.3079000000000001</v>
          </cell>
          <cell r="K20">
            <v>0.14439999999999986</v>
          </cell>
          <cell r="M20">
            <v>1.4522999999999999</v>
          </cell>
        </row>
        <row r="21">
          <cell r="A21">
            <v>1.04</v>
          </cell>
          <cell r="C21" t="str">
            <v>Gas Supply Transportation</v>
          </cell>
          <cell r="I21">
            <v>4.7525000000000004</v>
          </cell>
          <cell r="K21">
            <v>0.18819999999999926</v>
          </cell>
          <cell r="M21">
            <v>4.9406999999999996</v>
          </cell>
        </row>
        <row r="22">
          <cell r="A22">
            <v>1.05</v>
          </cell>
          <cell r="C22" t="str">
            <v>Gas Supply Transportation Dawn</v>
          </cell>
          <cell r="I22">
            <v>1.0404</v>
          </cell>
          <cell r="K22">
            <v>0</v>
          </cell>
          <cell r="M22">
            <v>1.0404</v>
          </cell>
        </row>
        <row r="23">
          <cell r="A23">
            <v>1.06</v>
          </cell>
          <cell r="C23" t="str">
            <v>Gas Supply Commodity - System</v>
          </cell>
          <cell r="I23">
            <v>9.4102999999999994</v>
          </cell>
          <cell r="K23">
            <v>0.60490000000000066</v>
          </cell>
          <cell r="M23">
            <v>10.0152</v>
          </cell>
        </row>
        <row r="24">
          <cell r="A24">
            <v>1.07</v>
          </cell>
          <cell r="C24" t="str">
            <v>Gas Supply Commodity - Buy/Sell</v>
          </cell>
          <cell r="I24">
            <v>9.3908000000000005</v>
          </cell>
          <cell r="K24">
            <v>0.60489999999999888</v>
          </cell>
          <cell r="M24">
            <v>9.9956999999999994</v>
          </cell>
        </row>
        <row r="28">
          <cell r="B28" t="str">
            <v>RATE 300</v>
          </cell>
          <cell r="C28" t="str">
            <v>FIRM SERVICE</v>
          </cell>
        </row>
      </sheetData>
      <sheetData sheetId="11">
        <row r="13">
          <cell r="A13" t="str">
            <v>Item</v>
          </cell>
          <cell r="B13" t="str">
            <v>Rate</v>
          </cell>
          <cell r="I13" t="str">
            <v/>
          </cell>
          <cell r="K13" t="str">
            <v xml:space="preserve">Rate  </v>
          </cell>
          <cell r="M13" t="str">
            <v>Proposed</v>
          </cell>
        </row>
        <row r="14">
          <cell r="A14" t="str">
            <v xml:space="preserve">No.  </v>
          </cell>
          <cell r="B14" t="str">
            <v xml:space="preserve">No.  </v>
          </cell>
          <cell r="E14" t="str">
            <v>Rate Block</v>
          </cell>
          <cell r="I14" t="str">
            <v>EB-2018-0090</v>
          </cell>
          <cell r="K14" t="str">
            <v>Change</v>
          </cell>
          <cell r="M14" t="str">
            <v>EB-2018-0249</v>
          </cell>
        </row>
        <row r="15">
          <cell r="E15" t="str">
            <v>m³</v>
          </cell>
          <cell r="I15" t="str">
            <v>cents *</v>
          </cell>
          <cell r="K15" t="str">
            <v>cents *</v>
          </cell>
          <cell r="M15" t="str">
            <v>cents *</v>
          </cell>
        </row>
        <row r="17">
          <cell r="B17" t="str">
            <v>RATE 325</v>
          </cell>
        </row>
        <row r="19">
          <cell r="C19" t="str">
            <v>Transmission &amp; Compression</v>
          </cell>
        </row>
        <row r="20">
          <cell r="A20">
            <v>1</v>
          </cell>
          <cell r="C20" t="str">
            <v>Demand Charge - ATV ($/Month/10³ m³)</v>
          </cell>
          <cell r="I20">
            <v>0.20710000000000001</v>
          </cell>
          <cell r="K20">
            <v>0</v>
          </cell>
          <cell r="M20">
            <v>0.20710000000000001</v>
          </cell>
          <cell r="N20">
            <v>0</v>
          </cell>
        </row>
        <row r="21">
          <cell r="A21">
            <v>1.01</v>
          </cell>
          <cell r="C21" t="str">
            <v>Demand Charge - Daily Wdrl. ($/Month/10³ m³)</v>
          </cell>
          <cell r="I21">
            <v>22.7879</v>
          </cell>
          <cell r="K21">
            <v>0</v>
          </cell>
          <cell r="M21">
            <v>22.7879</v>
          </cell>
          <cell r="N21">
            <v>0</v>
          </cell>
        </row>
        <row r="22">
          <cell r="A22">
            <v>1.02</v>
          </cell>
          <cell r="C22" t="str">
            <v>Commodity Charge</v>
          </cell>
          <cell r="I22">
            <v>0.83279999999999998</v>
          </cell>
          <cell r="K22">
            <v>2.6600000000000068E-2</v>
          </cell>
          <cell r="M22">
            <v>0.85940000000000005</v>
          </cell>
          <cell r="N22">
            <v>3.1940441882805079E-2</v>
          </cell>
        </row>
        <row r="24">
          <cell r="C24" t="str">
            <v>Storage</v>
          </cell>
        </row>
        <row r="25">
          <cell r="A25">
            <v>1.03</v>
          </cell>
          <cell r="C25" t="str">
            <v>Demand Charge - ATV ($/Month/10*3 m³)</v>
          </cell>
          <cell r="I25">
            <v>0.19550000000000001</v>
          </cell>
          <cell r="K25">
            <v>0</v>
          </cell>
          <cell r="M25">
            <v>0.19550000000000001</v>
          </cell>
          <cell r="N25">
            <v>0</v>
          </cell>
        </row>
        <row r="26">
          <cell r="A26">
            <v>1.04</v>
          </cell>
          <cell r="C26" t="str">
            <v>Demand Charge - Daily Wdrl. ($/Month/10³ m³)</v>
          </cell>
          <cell r="I26">
            <v>21.7395</v>
          </cell>
          <cell r="K26">
            <v>0</v>
          </cell>
          <cell r="M26">
            <v>21.7395</v>
          </cell>
          <cell r="N26">
            <v>0</v>
          </cell>
        </row>
        <row r="27">
          <cell r="A27">
            <v>1.05</v>
          </cell>
          <cell r="C27" t="str">
            <v>Commodity Charge</v>
          </cell>
          <cell r="I27">
            <v>0.109</v>
          </cell>
          <cell r="K27">
            <v>1.2700000000000003E-2</v>
          </cell>
          <cell r="M27">
            <v>0.1217</v>
          </cell>
          <cell r="N27">
            <v>0.11651376146788994</v>
          </cell>
        </row>
        <row r="29">
          <cell r="C29" t="str">
            <v>(2) Note: These are UNBUNDLED Rates</v>
          </cell>
        </row>
        <row r="32">
          <cell r="B32" t="str">
            <v>RATE 330</v>
          </cell>
          <cell r="C32" t="str">
            <v>Storage Service - Firm</v>
          </cell>
        </row>
        <row r="33">
          <cell r="C33" t="str">
            <v>Demand Charge ($/Month/10³ m³ of ATV)</v>
          </cell>
        </row>
        <row r="34">
          <cell r="A34">
            <v>2</v>
          </cell>
          <cell r="C34" t="str">
            <v xml:space="preserve">       Minimum</v>
          </cell>
          <cell r="I34">
            <v>0.40260000000000001</v>
          </cell>
          <cell r="K34">
            <v>0</v>
          </cell>
          <cell r="M34">
            <v>0.40260000000000001</v>
          </cell>
          <cell r="N34">
            <v>0</v>
          </cell>
        </row>
        <row r="35">
          <cell r="A35">
            <v>2.0099999999999998</v>
          </cell>
          <cell r="C35" t="str">
            <v xml:space="preserve">       Maximum</v>
          </cell>
          <cell r="I35">
            <v>2.0129999999999999</v>
          </cell>
          <cell r="K35">
            <v>0</v>
          </cell>
          <cell r="M35">
            <v>2.0129999999999999</v>
          </cell>
          <cell r="N35">
            <v>0</v>
          </cell>
        </row>
        <row r="37">
          <cell r="C37" t="str">
            <v>Demand Charge ($/Month/10³ m³ of Daily Withdrawal)</v>
          </cell>
        </row>
        <row r="38">
          <cell r="A38">
            <v>2.0199999999999996</v>
          </cell>
          <cell r="C38" t="str">
            <v xml:space="preserve">       Minimum</v>
          </cell>
          <cell r="I38">
            <v>44.5274</v>
          </cell>
          <cell r="K38">
            <v>0</v>
          </cell>
          <cell r="M38">
            <v>44.5274</v>
          </cell>
          <cell r="N38">
            <v>0</v>
          </cell>
        </row>
        <row r="39">
          <cell r="A39">
            <v>2.0299999999999994</v>
          </cell>
          <cell r="C39" t="str">
            <v xml:space="preserve">       Maximum</v>
          </cell>
          <cell r="I39">
            <v>222.637</v>
          </cell>
          <cell r="K39">
            <v>0</v>
          </cell>
          <cell r="M39">
            <v>222.637</v>
          </cell>
          <cell r="N39">
            <v>0</v>
          </cell>
        </row>
        <row r="41">
          <cell r="C41" t="str">
            <v>Commodity Charge</v>
          </cell>
        </row>
        <row r="42">
          <cell r="A42">
            <v>2.0399999999999991</v>
          </cell>
          <cell r="C42" t="str">
            <v xml:space="preserve">       Minimum</v>
          </cell>
          <cell r="I42">
            <v>0.94179999999999997</v>
          </cell>
          <cell r="K42">
            <v>3.9300000000000113E-2</v>
          </cell>
          <cell r="M42">
            <v>0.98110000000000008</v>
          </cell>
          <cell r="N42">
            <v>4.1728604799320571E-2</v>
          </cell>
        </row>
        <row r="43">
          <cell r="A43">
            <v>2.0499999999999989</v>
          </cell>
          <cell r="C43" t="str">
            <v xml:space="preserve">       Maximum</v>
          </cell>
          <cell r="I43">
            <v>4.7089999999999996</v>
          </cell>
          <cell r="K43">
            <v>0.19650000000000034</v>
          </cell>
          <cell r="M43">
            <v>4.9055</v>
          </cell>
          <cell r="N43">
            <v>4.1728604799320529E-2</v>
          </cell>
        </row>
        <row r="46">
          <cell r="C46" t="str">
            <v>Storage Service - Interruptible</v>
          </cell>
        </row>
        <row r="47">
          <cell r="C47" t="str">
            <v>Demand Charge ($/Month/10³ m³ of ATV)</v>
          </cell>
        </row>
        <row r="48">
          <cell r="A48">
            <v>2.0599999999999987</v>
          </cell>
          <cell r="C48" t="str">
            <v xml:space="preserve">       Minimum</v>
          </cell>
          <cell r="I48">
            <v>0.40260000000000001</v>
          </cell>
          <cell r="K48">
            <v>0</v>
          </cell>
          <cell r="M48">
            <v>0.40260000000000001</v>
          </cell>
          <cell r="N48">
            <v>0</v>
          </cell>
        </row>
        <row r="49">
          <cell r="A49">
            <v>2.0699999999999985</v>
          </cell>
          <cell r="C49" t="str">
            <v xml:space="preserve">       Maximum</v>
          </cell>
          <cell r="I49">
            <v>2.0129999999999999</v>
          </cell>
          <cell r="K49">
            <v>0</v>
          </cell>
          <cell r="M49">
            <v>2.0129999999999999</v>
          </cell>
          <cell r="N49">
            <v>0</v>
          </cell>
        </row>
        <row r="51">
          <cell r="C51" t="str">
            <v>Demand Charge ($/Month/10³ m³ of Daily Withdrawal)</v>
          </cell>
        </row>
        <row r="52">
          <cell r="A52">
            <v>2.0799999999999983</v>
          </cell>
          <cell r="C52" t="str">
            <v xml:space="preserve">       Minimum</v>
          </cell>
          <cell r="I52">
            <v>35.621920000000003</v>
          </cell>
          <cell r="K52">
            <v>0</v>
          </cell>
          <cell r="M52">
            <v>35.621920000000003</v>
          </cell>
          <cell r="N52">
            <v>0</v>
          </cell>
        </row>
        <row r="53">
          <cell r="A53">
            <v>2.0899999999999981</v>
          </cell>
          <cell r="C53" t="str">
            <v xml:space="preserve">       Maximum</v>
          </cell>
          <cell r="I53">
            <v>178.1096</v>
          </cell>
          <cell r="K53">
            <v>0</v>
          </cell>
          <cell r="M53">
            <v>178.1096</v>
          </cell>
          <cell r="N53">
            <v>0</v>
          </cell>
        </row>
        <row r="55">
          <cell r="C55" t="str">
            <v>Commodity Charge</v>
          </cell>
        </row>
        <row r="56">
          <cell r="A56">
            <v>2.0999999999999979</v>
          </cell>
          <cell r="C56" t="str">
            <v xml:space="preserve">       Minimum</v>
          </cell>
          <cell r="I56">
            <v>0.94179999999999997</v>
          </cell>
          <cell r="K56">
            <v>3.9300000000000113E-2</v>
          </cell>
          <cell r="M56">
            <v>0.98110000000000008</v>
          </cell>
          <cell r="N56">
            <v>4.1728604799320571E-2</v>
          </cell>
        </row>
        <row r="57">
          <cell r="A57">
            <v>2.1099999999999977</v>
          </cell>
          <cell r="C57" t="str">
            <v xml:space="preserve">       Maximum</v>
          </cell>
          <cell r="I57">
            <v>4.7089999999999996</v>
          </cell>
          <cell r="K57">
            <v>0.19650000000000034</v>
          </cell>
          <cell r="M57">
            <v>4.9055</v>
          </cell>
          <cell r="N57">
            <v>4.1728604799320529E-2</v>
          </cell>
        </row>
        <row r="60">
          <cell r="C60" t="str">
            <v>Storage Service - Off Peak</v>
          </cell>
        </row>
        <row r="61">
          <cell r="C61" t="str">
            <v>Commodity Charge</v>
          </cell>
        </row>
        <row r="62">
          <cell r="A62">
            <v>2.1199999999999974</v>
          </cell>
          <cell r="C62" t="str">
            <v xml:space="preserve">       Minimum</v>
          </cell>
          <cell r="I62">
            <v>0.36331208723190156</v>
          </cell>
          <cell r="K62">
            <v>1.2700000000000003E-2</v>
          </cell>
          <cell r="M62">
            <v>0.3760120872319016</v>
          </cell>
          <cell r="N62">
            <v>3.4956172520331293E-2</v>
          </cell>
        </row>
        <row r="63">
          <cell r="A63">
            <v>2.1299999999999972</v>
          </cell>
          <cell r="C63" t="str">
            <v xml:space="preserve">       Maximum</v>
          </cell>
          <cell r="I63">
            <v>41.237962478040487</v>
          </cell>
          <cell r="K63">
            <v>0.19650000000000034</v>
          </cell>
          <cell r="M63">
            <v>41.434462478040487</v>
          </cell>
          <cell r="N63">
            <v>4.7650268876557132E-3</v>
          </cell>
        </row>
        <row r="66">
          <cell r="B66" t="str">
            <v>RATE 331</v>
          </cell>
          <cell r="C66" t="str">
            <v>Tecumseh Transmission Service</v>
          </cell>
        </row>
        <row r="67">
          <cell r="C67" t="str">
            <v>Firm</v>
          </cell>
        </row>
        <row r="68">
          <cell r="C68" t="str">
            <v>Demand Charge ($/Month/10³ m³ of</v>
          </cell>
        </row>
        <row r="69">
          <cell r="A69">
            <v>3</v>
          </cell>
          <cell r="C69" t="str">
            <v>Maximum Contracted Daily Delivery)</v>
          </cell>
          <cell r="I69">
            <v>5.6429999999999998</v>
          </cell>
          <cell r="K69">
            <v>0</v>
          </cell>
          <cell r="M69">
            <v>5.6429999999999998</v>
          </cell>
          <cell r="N69">
            <v>0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etail Model"/>
      <sheetName val="DSM UR"/>
      <sheetName val="PDO UR"/>
      <sheetName val="ICM Rider"/>
      <sheetName val="Sch.6"/>
      <sheetName val="GasComm"/>
      <sheetName val="Supplementals"/>
      <sheetName val="Overrun"/>
      <sheetName val="Riders"/>
      <sheetName val="Pivots"/>
      <sheetName val="N-R20+Stor"/>
      <sheetName val="N-R100"/>
      <sheetName val="NorthVols"/>
      <sheetName val="U2"/>
      <sheetName val="Banner"/>
      <sheetName val="SouthDist"/>
      <sheetName val="SouthT"/>
      <sheetName val="North"/>
      <sheetName val="2023 Rates DM (Apr 22 QRAM)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e Schedule - 2024"/>
      <sheetName val="Source Files"/>
      <sheetName val="Index"/>
      <sheetName val="Inputs"/>
      <sheetName val="Cost Input"/>
      <sheetName val="Revenue"/>
      <sheetName val="Forecast"/>
      <sheetName val="Harmonized DM"/>
      <sheetName val="Detail Model"/>
      <sheetName val="S&amp;T Margin p.1"/>
      <sheetName val="Harm. Appendix A"/>
      <sheetName val="OR Rates"/>
      <sheetName val="Appendix A"/>
      <sheetName val="Summary Rates"/>
      <sheetName val="S&amp;T Margin p.2"/>
      <sheetName val="M17 Demand"/>
      <sheetName val="M12 - BA"/>
      <sheetName val="M12 - Proposed"/>
      <sheetName val="M12 p.2"/>
      <sheetName val="F24-T"/>
      <sheetName val="M13"/>
      <sheetName val="M16 Cust"/>
      <sheetName val="M16 Comm"/>
      <sheetName val="M16 East Dem"/>
      <sheetName val="M17 Cust"/>
      <sheetName val="C1 Ojib Demand BA"/>
      <sheetName val="D-D Vector"/>
      <sheetName val="Heritage - HTLP"/>
      <sheetName val="PDCI"/>
      <sheetName val="2022-11-15 2024 Exfran Model -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3F5372-83A2-4F6C-8100-B17C6447F14C}">
  <sheetPr syncVertical="1" syncRef="A292" transitionEvaluation="1" transitionEntry="1">
    <pageSetUpPr autoPageBreaks="0"/>
  </sheetPr>
  <dimension ref="A1:AE971"/>
  <sheetViews>
    <sheetView tabSelected="1" view="pageBreakPreview" topLeftCell="A292" zoomScale="85" zoomScaleNormal="85" zoomScaleSheetLayoutView="85" zoomScalePageLayoutView="55" workbookViewId="0">
      <selection activeCell="T317" sqref="T317"/>
    </sheetView>
  </sheetViews>
  <sheetFormatPr defaultColWidth="9.8984375" defaultRowHeight="13.2"/>
  <cols>
    <col min="1" max="1" width="5" style="86" customWidth="1"/>
    <col min="2" max="2" width="1.8984375" style="86" customWidth="1"/>
    <col min="3" max="3" width="48.8984375" style="1" bestFit="1" customWidth="1"/>
    <col min="4" max="4" width="1.59765625" style="1" customWidth="1"/>
    <col min="5" max="5" width="11.3984375" style="1" bestFit="1" customWidth="1"/>
    <col min="6" max="6" width="1.59765625" style="16" customWidth="1"/>
    <col min="7" max="7" width="13.59765625" style="1" customWidth="1"/>
    <col min="8" max="8" width="2.8984375" style="16" customWidth="1"/>
    <col min="9" max="9" width="13" style="1" customWidth="1"/>
    <col min="10" max="10" width="2.8984375" style="16" customWidth="1"/>
    <col min="11" max="11" width="13.3984375" style="1" customWidth="1"/>
    <col min="12" max="12" width="1.59765625" style="16" customWidth="1"/>
    <col min="13" max="13" width="14.3984375" style="1" customWidth="1"/>
    <col min="14" max="14" width="2.8984375" style="16" customWidth="1"/>
    <col min="15" max="15" width="9.09765625" style="1" customWidth="1"/>
    <col min="16" max="16" width="8.5" style="1" customWidth="1"/>
    <col min="17" max="17" width="2.59765625" style="4" customWidth="1"/>
    <col min="18" max="18" width="9.5" style="1" customWidth="1"/>
    <col min="19" max="19" width="13.09765625" style="1" customWidth="1"/>
    <col min="20" max="20" width="11.09765625" style="1" customWidth="1"/>
    <col min="21" max="21" width="3.09765625" style="1" customWidth="1"/>
    <col min="22" max="22" width="11.09765625" style="1" customWidth="1"/>
    <col min="23" max="23" width="3.09765625" style="1" customWidth="1"/>
    <col min="24" max="24" width="11.09765625" style="1" customWidth="1"/>
    <col min="25" max="25" width="6.59765625" style="1" customWidth="1"/>
    <col min="26" max="30" width="9.8984375" style="1"/>
    <col min="31" max="31" width="16.59765625" style="1" customWidth="1"/>
    <col min="32" max="16384" width="9.8984375" style="1"/>
  </cols>
  <sheetData>
    <row r="1" spans="1:19" ht="12.75" customHeight="1">
      <c r="A1" s="66"/>
      <c r="B1" s="66"/>
      <c r="C1" s="16"/>
      <c r="D1" s="16"/>
      <c r="E1" s="16"/>
      <c r="G1" s="16"/>
      <c r="I1" s="16"/>
      <c r="K1" s="16"/>
      <c r="M1" s="36"/>
      <c r="N1" s="36"/>
      <c r="P1" s="72"/>
    </row>
    <row r="2" spans="1:19" ht="12.75" customHeight="1">
      <c r="A2" s="66"/>
      <c r="B2" s="66"/>
      <c r="C2" s="16"/>
      <c r="D2" s="16"/>
      <c r="E2" s="16"/>
      <c r="G2" s="16"/>
      <c r="I2" s="16"/>
      <c r="K2" s="16"/>
      <c r="M2" s="36"/>
      <c r="N2" s="36"/>
      <c r="P2" s="72"/>
    </row>
    <row r="3" spans="1:19" ht="12.75" customHeight="1">
      <c r="A3" s="66"/>
      <c r="B3" s="66"/>
      <c r="C3" s="16"/>
      <c r="D3" s="16"/>
      <c r="E3" s="16"/>
      <c r="G3" s="16"/>
      <c r="I3" s="16"/>
      <c r="K3" s="16"/>
      <c r="M3" s="36"/>
      <c r="N3" s="36"/>
      <c r="P3" s="72"/>
    </row>
    <row r="4" spans="1:19" ht="12.75" customHeight="1">
      <c r="A4" s="66"/>
      <c r="B4" s="66"/>
      <c r="C4" s="16"/>
      <c r="D4" s="16"/>
      <c r="E4" s="16"/>
      <c r="G4" s="16"/>
      <c r="I4" s="16"/>
      <c r="K4" s="16"/>
      <c r="M4" s="36"/>
      <c r="N4" s="36"/>
      <c r="P4" s="72"/>
    </row>
    <row r="5" spans="1:19" ht="12.75" customHeight="1">
      <c r="A5" s="48"/>
      <c r="B5" s="9"/>
      <c r="C5" s="10"/>
      <c r="D5" s="10"/>
      <c r="E5" s="10"/>
      <c r="F5" s="73"/>
      <c r="G5" s="10"/>
      <c r="H5" s="48"/>
      <c r="I5" s="48"/>
      <c r="J5" s="48"/>
      <c r="K5" s="10"/>
      <c r="L5" s="10"/>
      <c r="M5" s="10"/>
      <c r="N5" s="36"/>
      <c r="P5" s="72"/>
    </row>
    <row r="6" spans="1:19" ht="12.75" customHeight="1">
      <c r="A6" s="48" t="s">
        <v>0</v>
      </c>
      <c r="B6" s="9"/>
      <c r="C6" s="10"/>
      <c r="D6" s="10"/>
      <c r="E6" s="48"/>
      <c r="F6" s="73"/>
      <c r="G6" s="92"/>
      <c r="H6" s="48"/>
      <c r="I6" s="48"/>
      <c r="J6" s="48"/>
      <c r="K6" s="10"/>
      <c r="L6" s="10"/>
      <c r="M6" s="10"/>
      <c r="N6" s="36"/>
      <c r="P6" s="72"/>
    </row>
    <row r="7" spans="1:19" ht="12.75" customHeight="1">
      <c r="A7" s="8" t="s">
        <v>1</v>
      </c>
      <c r="B7" s="9"/>
      <c r="C7" s="10"/>
      <c r="D7" s="10"/>
      <c r="E7" s="10"/>
      <c r="F7" s="10"/>
      <c r="G7" s="10"/>
      <c r="H7" s="8"/>
      <c r="I7" s="9"/>
      <c r="J7" s="10"/>
      <c r="K7" s="10"/>
      <c r="L7" s="10"/>
      <c r="M7" s="10"/>
      <c r="N7" s="36"/>
      <c r="P7" s="72"/>
    </row>
    <row r="8" spans="1:19" ht="12.75" customHeight="1">
      <c r="A8" s="8"/>
      <c r="B8" s="9"/>
      <c r="C8" s="10"/>
      <c r="D8" s="10"/>
      <c r="E8" s="10"/>
      <c r="F8" s="10"/>
      <c r="G8" s="10"/>
      <c r="H8" s="8"/>
      <c r="I8" s="9"/>
      <c r="J8" s="10"/>
      <c r="K8" s="10"/>
      <c r="L8" s="10"/>
      <c r="M8" s="10"/>
      <c r="N8" s="36"/>
      <c r="P8" s="72"/>
    </row>
    <row r="9" spans="1:19" ht="12.75" customHeight="1">
      <c r="A9" s="14"/>
      <c r="B9" s="14"/>
      <c r="C9" s="16"/>
      <c r="D9" s="16"/>
      <c r="E9" s="16"/>
      <c r="F9" s="17"/>
      <c r="G9" s="24" t="s">
        <v>2</v>
      </c>
      <c r="H9" s="11"/>
      <c r="I9" s="11"/>
      <c r="J9" s="11"/>
      <c r="K9" s="102"/>
      <c r="L9" s="12"/>
      <c r="M9" s="102" t="s">
        <v>3</v>
      </c>
      <c r="N9" s="18"/>
    </row>
    <row r="10" spans="1:19" ht="12.75" customHeight="1">
      <c r="A10" s="14"/>
      <c r="B10" s="14"/>
      <c r="C10" s="16"/>
      <c r="D10" s="16"/>
      <c r="E10" s="16"/>
      <c r="F10" s="74"/>
      <c r="G10" s="24" t="s">
        <v>4</v>
      </c>
      <c r="H10" s="79"/>
      <c r="I10" s="76" t="s">
        <v>5</v>
      </c>
      <c r="J10" s="13"/>
      <c r="K10" s="102" t="s">
        <v>6</v>
      </c>
      <c r="L10" s="12"/>
      <c r="M10" s="24" t="s">
        <v>4</v>
      </c>
      <c r="N10" s="18"/>
    </row>
    <row r="11" spans="1:19" ht="12.75" customHeight="1">
      <c r="A11" s="14" t="s">
        <v>7</v>
      </c>
      <c r="B11" s="14"/>
      <c r="C11" s="16"/>
      <c r="D11" s="16"/>
      <c r="E11" s="17"/>
      <c r="F11" s="14"/>
      <c r="G11" s="76" t="s">
        <v>6</v>
      </c>
      <c r="H11" s="18"/>
      <c r="I11" s="80" t="s">
        <v>8</v>
      </c>
      <c r="K11" s="102" t="s">
        <v>9</v>
      </c>
      <c r="L11" s="12"/>
      <c r="M11" s="103" t="s">
        <v>10</v>
      </c>
      <c r="N11" s="18"/>
      <c r="S11" s="97"/>
    </row>
    <row r="12" spans="1:19" ht="12.75" customHeight="1">
      <c r="A12" s="19" t="s">
        <v>11</v>
      </c>
      <c r="B12" s="17"/>
      <c r="C12" s="20" t="s">
        <v>12</v>
      </c>
      <c r="D12" s="16"/>
      <c r="E12" s="21" t="s">
        <v>13</v>
      </c>
      <c r="F12" s="17"/>
      <c r="G12" s="22" t="s">
        <v>14</v>
      </c>
      <c r="H12" s="70"/>
      <c r="I12" s="88" t="s">
        <v>15</v>
      </c>
      <c r="K12" s="22" t="s">
        <v>16</v>
      </c>
      <c r="L12" s="12"/>
      <c r="M12" s="104" t="s">
        <v>17</v>
      </c>
      <c r="N12" s="24"/>
    </row>
    <row r="13" spans="1:19" ht="12.75" customHeight="1">
      <c r="A13" s="14"/>
      <c r="B13" s="14"/>
      <c r="C13" s="16"/>
      <c r="D13" s="16"/>
      <c r="E13" s="75"/>
      <c r="F13" s="17"/>
      <c r="G13" s="70" t="s">
        <v>18</v>
      </c>
      <c r="H13" s="70"/>
      <c r="I13" s="76" t="s">
        <v>19</v>
      </c>
      <c r="K13" s="23" t="s">
        <v>20</v>
      </c>
      <c r="L13" s="24"/>
      <c r="M13" s="23" t="s">
        <v>21</v>
      </c>
      <c r="N13" s="23"/>
    </row>
    <row r="14" spans="1:19" ht="12.75" customHeight="1">
      <c r="A14" s="14"/>
      <c r="B14" s="14"/>
      <c r="C14" s="68" t="s">
        <v>22</v>
      </c>
      <c r="D14" s="15"/>
      <c r="E14" s="14"/>
      <c r="G14" s="16"/>
      <c r="I14" s="16"/>
      <c r="J14" s="25"/>
      <c r="K14" s="16"/>
      <c r="M14" s="16"/>
      <c r="O14" s="2"/>
    </row>
    <row r="15" spans="1:19">
      <c r="A15" s="70">
        <v>1</v>
      </c>
      <c r="B15" s="26"/>
      <c r="C15" s="15" t="s">
        <v>23</v>
      </c>
      <c r="D15" s="16"/>
      <c r="E15" s="57" t="s">
        <v>24</v>
      </c>
      <c r="F15" s="27"/>
      <c r="G15" s="27">
        <v>21.878786989991127</v>
      </c>
      <c r="H15" s="27"/>
      <c r="I15" s="27">
        <v>2.84</v>
      </c>
      <c r="J15" s="28"/>
      <c r="K15" s="59">
        <v>0</v>
      </c>
      <c r="L15" s="30"/>
      <c r="M15" s="27">
        <f t="shared" ref="M15:M20" si="0">G15+I15+K15</f>
        <v>24.718786989991127</v>
      </c>
      <c r="N15" s="34"/>
      <c r="O15" s="5"/>
      <c r="P15" s="5"/>
      <c r="R15" s="77"/>
      <c r="S15" s="77"/>
    </row>
    <row r="16" spans="1:19">
      <c r="A16" s="70"/>
      <c r="B16" s="26"/>
      <c r="C16" s="45" t="s">
        <v>25</v>
      </c>
      <c r="D16" s="16"/>
      <c r="E16" s="55"/>
      <c r="F16" s="27"/>
      <c r="G16" s="27"/>
      <c r="H16" s="27"/>
      <c r="I16" s="27"/>
      <c r="J16" s="28"/>
      <c r="K16" s="29"/>
      <c r="L16" s="30"/>
      <c r="M16" s="27"/>
      <c r="N16" s="34"/>
      <c r="O16" s="5"/>
      <c r="P16" s="5"/>
      <c r="R16" s="77"/>
      <c r="S16" s="77"/>
    </row>
    <row r="17" spans="1:19" ht="15.6">
      <c r="A17" s="70">
        <f>MAX(A$13:A16)+1</f>
        <v>2</v>
      </c>
      <c r="B17" s="70"/>
      <c r="C17" s="16" t="s">
        <v>26</v>
      </c>
      <c r="D17" s="16"/>
      <c r="E17" s="17" t="s">
        <v>27</v>
      </c>
      <c r="F17" s="32"/>
      <c r="G17" s="31">
        <v>10.456468461027749</v>
      </c>
      <c r="H17" s="31"/>
      <c r="I17" s="31">
        <v>-0.44090000000000096</v>
      </c>
      <c r="K17" s="31">
        <v>-2.46E-2</v>
      </c>
      <c r="L17" s="30"/>
      <c r="M17" s="34">
        <f t="shared" si="0"/>
        <v>9.990968461027748</v>
      </c>
      <c r="N17" s="34"/>
      <c r="O17" s="5"/>
      <c r="P17" s="5"/>
      <c r="R17" s="77"/>
      <c r="S17" s="77"/>
    </row>
    <row r="18" spans="1:19" ht="15.6">
      <c r="A18" s="70">
        <f>MAX(A$13:A17)+1</f>
        <v>3</v>
      </c>
      <c r="B18" s="70"/>
      <c r="C18" s="16" t="s">
        <v>28</v>
      </c>
      <c r="D18" s="16"/>
      <c r="E18" s="17" t="s">
        <v>27</v>
      </c>
      <c r="F18" s="31"/>
      <c r="G18" s="31">
        <v>9.7873627641845218</v>
      </c>
      <c r="H18" s="31"/>
      <c r="I18" s="31">
        <v>-0.45910000000000117</v>
      </c>
      <c r="J18" s="28"/>
      <c r="K18" s="31">
        <v>-2.46E-2</v>
      </c>
      <c r="L18" s="30"/>
      <c r="M18" s="34">
        <f t="shared" si="0"/>
        <v>9.3036627641845211</v>
      </c>
      <c r="N18" s="34"/>
      <c r="O18" s="5"/>
      <c r="P18" s="5"/>
      <c r="R18" s="77"/>
      <c r="S18" s="77"/>
    </row>
    <row r="19" spans="1:19" ht="15.6">
      <c r="A19" s="70">
        <f>MAX(A$13:A18)+1</f>
        <v>4</v>
      </c>
      <c r="B19" s="70"/>
      <c r="C19" s="16" t="s">
        <v>29</v>
      </c>
      <c r="D19" s="16"/>
      <c r="E19" s="17" t="s">
        <v>27</v>
      </c>
      <c r="F19" s="31"/>
      <c r="G19" s="31">
        <v>9.2634206348366543</v>
      </c>
      <c r="H19" s="31"/>
      <c r="I19" s="31">
        <v>-0.47339999999999982</v>
      </c>
      <c r="J19" s="28"/>
      <c r="K19" s="31">
        <v>-2.46E-2</v>
      </c>
      <c r="L19" s="30"/>
      <c r="M19" s="34">
        <f t="shared" si="0"/>
        <v>8.765420634836655</v>
      </c>
      <c r="N19" s="34"/>
      <c r="O19" s="5"/>
      <c r="P19" s="5"/>
      <c r="R19" s="77"/>
      <c r="S19" s="77"/>
    </row>
    <row r="20" spans="1:19" ht="15.6">
      <c r="A20" s="70">
        <f>MAX(A$13:A19)+1</f>
        <v>5</v>
      </c>
      <c r="B20" s="70"/>
      <c r="C20" s="16" t="s">
        <v>30</v>
      </c>
      <c r="D20" s="16"/>
      <c r="E20" s="64" t="s">
        <v>27</v>
      </c>
      <c r="F20" s="31"/>
      <c r="G20" s="31">
        <v>8.872847082634749</v>
      </c>
      <c r="H20" s="31"/>
      <c r="I20" s="31">
        <v>-0.48399999999999999</v>
      </c>
      <c r="K20" s="31">
        <v>-2.46E-2</v>
      </c>
      <c r="L20" s="30"/>
      <c r="M20" s="34">
        <f t="shared" si="0"/>
        <v>8.3642470826347495</v>
      </c>
      <c r="N20" s="34"/>
      <c r="O20" s="5"/>
      <c r="P20" s="5"/>
      <c r="R20" s="77"/>
      <c r="S20" s="77"/>
    </row>
    <row r="21" spans="1:19">
      <c r="A21" s="70"/>
      <c r="B21" s="70"/>
      <c r="C21" s="16"/>
      <c r="D21" s="16"/>
      <c r="E21" s="14"/>
      <c r="F21" s="32"/>
      <c r="G21" s="35"/>
      <c r="H21" s="31"/>
      <c r="I21" s="31"/>
      <c r="K21" s="33"/>
      <c r="L21" s="30"/>
      <c r="M21" s="34"/>
      <c r="N21" s="34"/>
      <c r="O21" s="5"/>
      <c r="P21" s="5"/>
      <c r="R21" s="77"/>
      <c r="S21" s="77"/>
    </row>
    <row r="22" spans="1:19">
      <c r="A22" s="70">
        <f>MAX(A$13:A21)+1</f>
        <v>6</v>
      </c>
      <c r="B22" s="70"/>
      <c r="C22" s="15" t="s">
        <v>31</v>
      </c>
      <c r="D22" s="16"/>
      <c r="E22" s="14" t="s">
        <v>27</v>
      </c>
      <c r="F22" s="32"/>
      <c r="G22" s="31">
        <v>1.5734394992199283</v>
      </c>
      <c r="H22" s="31"/>
      <c r="I22" s="31">
        <v>9.100000000000108E-3</v>
      </c>
      <c r="K22" s="31">
        <v>-1.54E-2</v>
      </c>
      <c r="L22" s="30"/>
      <c r="M22" s="34">
        <f t="shared" ref="M22:M26" si="1">G22+I22+K22</f>
        <v>1.5671394992199283</v>
      </c>
      <c r="N22" s="34"/>
      <c r="O22" s="5"/>
      <c r="P22" s="5"/>
      <c r="R22" s="77"/>
      <c r="S22" s="77"/>
    </row>
    <row r="23" spans="1:19">
      <c r="A23" s="70">
        <f>MAX(A$13:A22)+1</f>
        <v>7</v>
      </c>
      <c r="B23" s="70"/>
      <c r="C23" s="15" t="s">
        <v>32</v>
      </c>
      <c r="D23" s="16"/>
      <c r="E23" s="14" t="s">
        <v>27</v>
      </c>
      <c r="F23" s="32"/>
      <c r="G23" s="31">
        <v>4.4125284234176769</v>
      </c>
      <c r="H23" s="31"/>
      <c r="I23" s="31">
        <v>2.0999999999999908E-3</v>
      </c>
      <c r="K23" s="59">
        <v>0</v>
      </c>
      <c r="L23" s="30"/>
      <c r="M23" s="34">
        <f t="shared" si="1"/>
        <v>4.4146284234176765</v>
      </c>
      <c r="N23" s="34"/>
      <c r="O23" s="5"/>
      <c r="P23" s="5"/>
      <c r="R23" s="77"/>
      <c r="S23" s="77"/>
    </row>
    <row r="24" spans="1:19">
      <c r="A24" s="70">
        <f>MAX(A$13:A23)+1</f>
        <v>8</v>
      </c>
      <c r="B24" s="70"/>
      <c r="C24" s="15" t="s">
        <v>33</v>
      </c>
      <c r="D24" s="16"/>
      <c r="E24" s="14" t="s">
        <v>27</v>
      </c>
      <c r="F24" s="32"/>
      <c r="G24" s="31">
        <v>0.92394828723256905</v>
      </c>
      <c r="H24" s="31"/>
      <c r="I24" s="31">
        <v>1.6100000000000003E-2</v>
      </c>
      <c r="K24" s="59">
        <v>0</v>
      </c>
      <c r="L24" s="30"/>
      <c r="M24" s="34">
        <f t="shared" si="1"/>
        <v>0.94004828723256906</v>
      </c>
      <c r="N24" s="34"/>
      <c r="O24" s="5"/>
      <c r="P24" s="5"/>
      <c r="R24" s="77"/>
      <c r="S24" s="77"/>
    </row>
    <row r="25" spans="1:19">
      <c r="A25" s="70"/>
      <c r="B25" s="70"/>
      <c r="C25" s="15"/>
      <c r="D25" s="16"/>
      <c r="E25" s="14"/>
      <c r="F25" s="32"/>
      <c r="G25" s="31"/>
      <c r="H25" s="31"/>
      <c r="I25" s="31"/>
      <c r="K25" s="59"/>
      <c r="L25" s="30"/>
      <c r="M25" s="34"/>
      <c r="N25" s="34"/>
      <c r="O25" s="5"/>
      <c r="P25" s="5"/>
      <c r="R25" s="77"/>
      <c r="S25" s="77"/>
    </row>
    <row r="26" spans="1:19">
      <c r="A26" s="70">
        <f>MAX(A$13:A24)+1</f>
        <v>9</v>
      </c>
      <c r="B26" s="70"/>
      <c r="C26" s="15" t="s">
        <v>34</v>
      </c>
      <c r="D26" s="16"/>
      <c r="E26" s="14" t="s">
        <v>27</v>
      </c>
      <c r="G26" s="31">
        <v>9.7412602539982913</v>
      </c>
      <c r="I26" s="31">
        <v>2.2999999999981924E-3</v>
      </c>
      <c r="K26" s="59">
        <v>0</v>
      </c>
      <c r="L26" s="30"/>
      <c r="M26" s="34">
        <f t="shared" si="1"/>
        <v>9.7435602539982895</v>
      </c>
      <c r="N26" s="34"/>
      <c r="O26" s="5"/>
      <c r="P26" s="5"/>
      <c r="R26" s="77"/>
      <c r="S26" s="77"/>
    </row>
    <row r="27" spans="1:19">
      <c r="A27" s="70"/>
      <c r="B27" s="70"/>
      <c r="C27" s="16"/>
      <c r="D27" s="16"/>
      <c r="E27" s="14"/>
      <c r="G27" s="16"/>
      <c r="I27" s="31"/>
      <c r="K27" s="16"/>
      <c r="L27" s="30"/>
      <c r="M27" s="16"/>
      <c r="P27" s="4"/>
      <c r="S27" s="77"/>
    </row>
    <row r="28" spans="1:19">
      <c r="A28" s="70"/>
      <c r="B28" s="70"/>
      <c r="C28" s="105" t="s">
        <v>35</v>
      </c>
      <c r="D28" s="15"/>
      <c r="E28" s="14"/>
      <c r="G28" s="16"/>
      <c r="I28" s="31"/>
      <c r="K28" s="16"/>
      <c r="L28" s="30"/>
      <c r="M28" s="16"/>
      <c r="P28" s="4"/>
      <c r="S28" s="77"/>
    </row>
    <row r="29" spans="1:19">
      <c r="A29" s="70">
        <f>MAX(A$13:A28)+1</f>
        <v>10</v>
      </c>
      <c r="B29" s="70"/>
      <c r="C29" s="15" t="s">
        <v>23</v>
      </c>
      <c r="D29" s="16"/>
      <c r="E29" s="55" t="s">
        <v>24</v>
      </c>
      <c r="F29" s="32"/>
      <c r="G29" s="27">
        <v>76.575754464968981</v>
      </c>
      <c r="H29" s="27"/>
      <c r="I29" s="27">
        <v>2.0600000000000023</v>
      </c>
      <c r="J29" s="28"/>
      <c r="K29" s="59">
        <v>0</v>
      </c>
      <c r="L29" s="30"/>
      <c r="M29" s="27">
        <f>G29+I29+K29</f>
        <v>78.635754464968983</v>
      </c>
      <c r="O29" s="5"/>
      <c r="P29" s="5"/>
      <c r="R29" s="77"/>
      <c r="S29" s="77"/>
    </row>
    <row r="30" spans="1:19">
      <c r="A30" s="70"/>
      <c r="B30" s="70"/>
      <c r="C30" s="45" t="s">
        <v>25</v>
      </c>
      <c r="D30" s="16"/>
      <c r="E30" s="14"/>
      <c r="F30" s="32"/>
      <c r="G30" s="27"/>
      <c r="H30" s="27"/>
      <c r="I30" s="27"/>
      <c r="J30" s="28"/>
      <c r="K30" s="16"/>
      <c r="L30" s="30"/>
      <c r="M30" s="27"/>
      <c r="O30" s="5"/>
      <c r="P30" s="5"/>
      <c r="R30" s="77"/>
      <c r="S30" s="77"/>
    </row>
    <row r="31" spans="1:19" ht="15.6">
      <c r="A31" s="70">
        <f>MAX(A$13:A30)+1</f>
        <v>11</v>
      </c>
      <c r="B31" s="70"/>
      <c r="C31" s="15" t="s">
        <v>36</v>
      </c>
      <c r="D31" s="16"/>
      <c r="E31" s="14" t="s">
        <v>27</v>
      </c>
      <c r="F31" s="32"/>
      <c r="G31" s="31">
        <v>9.7762445542135605</v>
      </c>
      <c r="H31" s="31"/>
      <c r="I31" s="31">
        <v>0.41050000000000075</v>
      </c>
      <c r="K31" s="31">
        <v>-2.3400000000000001E-2</v>
      </c>
      <c r="L31" s="30"/>
      <c r="M31" s="34">
        <f t="shared" ref="M31:M36" si="2">G31+I31+K31</f>
        <v>10.163344554213561</v>
      </c>
      <c r="O31" s="5"/>
      <c r="P31" s="5"/>
      <c r="R31" s="77"/>
      <c r="S31" s="77"/>
    </row>
    <row r="32" spans="1:19" ht="15.6">
      <c r="A32" s="70">
        <f>MAX(A$13:A31)+1</f>
        <v>12</v>
      </c>
      <c r="B32" s="70"/>
      <c r="C32" s="56" t="s">
        <v>37</v>
      </c>
      <c r="D32" s="16"/>
      <c r="E32" s="65" t="s">
        <v>27</v>
      </c>
      <c r="F32" s="31"/>
      <c r="G32" s="31">
        <v>7.4683433114874891</v>
      </c>
      <c r="H32" s="31"/>
      <c r="I32" s="31">
        <v>0.34750000000000103</v>
      </c>
      <c r="J32" s="28"/>
      <c r="K32" s="31">
        <v>-2.3400000000000001E-2</v>
      </c>
      <c r="L32" s="30"/>
      <c r="M32" s="34">
        <f t="shared" si="2"/>
        <v>7.7924433114874905</v>
      </c>
      <c r="O32" s="5"/>
      <c r="P32" s="5"/>
      <c r="R32" s="77"/>
      <c r="S32" s="77"/>
    </row>
    <row r="33" spans="1:31" ht="15.6">
      <c r="A33" s="70">
        <f>MAX(A$13:A32)+1</f>
        <v>13</v>
      </c>
      <c r="B33" s="70"/>
      <c r="C33" s="56" t="s">
        <v>38</v>
      </c>
      <c r="D33" s="16"/>
      <c r="E33" s="65" t="s">
        <v>27</v>
      </c>
      <c r="F33" s="31"/>
      <c r="G33" s="31">
        <v>5.8521639609000751</v>
      </c>
      <c r="H33" s="31"/>
      <c r="I33" s="31">
        <v>0.30339999999999989</v>
      </c>
      <c r="J33" s="28"/>
      <c r="K33" s="31">
        <v>-2.3400000000000001E-2</v>
      </c>
      <c r="L33" s="30"/>
      <c r="M33" s="34">
        <f t="shared" si="2"/>
        <v>6.1321639609000753</v>
      </c>
      <c r="O33" s="5"/>
      <c r="P33" s="5"/>
      <c r="R33" s="77"/>
      <c r="S33" s="77"/>
    </row>
    <row r="34" spans="1:31" ht="15.6">
      <c r="A34" s="70">
        <f>MAX(A$13:A33)+1</f>
        <v>14</v>
      </c>
      <c r="B34" s="70"/>
      <c r="C34" s="56" t="s">
        <v>39</v>
      </c>
      <c r="D34" s="16"/>
      <c r="E34" s="65" t="s">
        <v>27</v>
      </c>
      <c r="F34" s="31"/>
      <c r="G34" s="31">
        <v>4.8138092872131386</v>
      </c>
      <c r="H34" s="31"/>
      <c r="I34" s="31">
        <v>0.27500000000000036</v>
      </c>
      <c r="J34" s="28"/>
      <c r="K34" s="31">
        <v>-2.3400000000000001E-2</v>
      </c>
      <c r="L34" s="30"/>
      <c r="M34" s="34">
        <f t="shared" si="2"/>
        <v>5.0654092872131393</v>
      </c>
      <c r="O34" s="5"/>
      <c r="P34" s="5"/>
      <c r="R34" s="77"/>
      <c r="S34" s="77"/>
    </row>
    <row r="35" spans="1:31" ht="15.6">
      <c r="A35" s="70">
        <f>MAX(A$13:A34)+1</f>
        <v>15</v>
      </c>
      <c r="B35" s="70"/>
      <c r="C35" s="56" t="s">
        <v>40</v>
      </c>
      <c r="D35" s="16"/>
      <c r="E35" s="65" t="s">
        <v>27</v>
      </c>
      <c r="F35" s="31"/>
      <c r="G35" s="31">
        <v>4.3524025203691821</v>
      </c>
      <c r="H35" s="31"/>
      <c r="I35" s="31">
        <v>0.26239999999999952</v>
      </c>
      <c r="J35" s="28"/>
      <c r="K35" s="31">
        <v>-2.3400000000000001E-2</v>
      </c>
      <c r="L35" s="30"/>
      <c r="M35" s="34">
        <f t="shared" si="2"/>
        <v>4.5914025203691819</v>
      </c>
      <c r="O35" s="5"/>
      <c r="P35" s="5"/>
      <c r="R35" s="77"/>
      <c r="S35" s="77"/>
    </row>
    <row r="36" spans="1:31" ht="15.6">
      <c r="A36" s="70">
        <f>MAX(A$13:A35)+1</f>
        <v>16</v>
      </c>
      <c r="B36" s="70"/>
      <c r="C36" s="15" t="s">
        <v>41</v>
      </c>
      <c r="D36" s="16"/>
      <c r="E36" s="14" t="s">
        <v>27</v>
      </c>
      <c r="F36" s="31"/>
      <c r="G36" s="31">
        <v>4.2365339342595378</v>
      </c>
      <c r="H36" s="31"/>
      <c r="I36" s="31">
        <v>0.25929999999999964</v>
      </c>
      <c r="J36" s="28"/>
      <c r="K36" s="31">
        <v>-2.3400000000000001E-2</v>
      </c>
      <c r="L36" s="30"/>
      <c r="M36" s="34">
        <f t="shared" si="2"/>
        <v>4.4724339342595378</v>
      </c>
      <c r="O36" s="5"/>
      <c r="P36" s="5"/>
      <c r="R36" s="77"/>
      <c r="S36" s="77"/>
    </row>
    <row r="37" spans="1:31">
      <c r="A37" s="70"/>
      <c r="B37" s="70"/>
      <c r="C37" s="16"/>
      <c r="D37" s="16"/>
      <c r="E37" s="14"/>
      <c r="F37" s="32"/>
      <c r="G37" s="35"/>
      <c r="H37" s="31"/>
      <c r="I37" s="31"/>
      <c r="K37" s="16"/>
      <c r="L37" s="30"/>
      <c r="M37" s="16"/>
      <c r="O37" s="5"/>
      <c r="P37" s="5"/>
      <c r="R37" s="77"/>
      <c r="S37" s="77"/>
    </row>
    <row r="38" spans="1:31">
      <c r="A38" s="70">
        <f>MAX(A$13:A37)+1</f>
        <v>17</v>
      </c>
      <c r="B38" s="70"/>
      <c r="C38" s="15" t="s">
        <v>31</v>
      </c>
      <c r="D38" s="16"/>
      <c r="E38" s="14" t="s">
        <v>27</v>
      </c>
      <c r="F38" s="32"/>
      <c r="G38" s="31">
        <v>1.4581971111059824</v>
      </c>
      <c r="H38" s="31"/>
      <c r="I38" s="31">
        <v>8.2999999999999741E-3</v>
      </c>
      <c r="K38" s="31">
        <v>-1.4500000000000001E-2</v>
      </c>
      <c r="L38" s="30"/>
      <c r="M38" s="34">
        <f t="shared" ref="M38:M42" si="3">G38+I38+K38</f>
        <v>1.4519971111059824</v>
      </c>
      <c r="O38" s="5"/>
      <c r="P38" s="5"/>
      <c r="R38" s="77"/>
      <c r="S38" s="77"/>
    </row>
    <row r="39" spans="1:31">
      <c r="A39" s="70">
        <f>MAX(A$13:A38)+1</f>
        <v>18</v>
      </c>
      <c r="B39" s="70"/>
      <c r="C39" s="15" t="s">
        <v>32</v>
      </c>
      <c r="D39" s="16"/>
      <c r="E39" s="14" t="s">
        <v>27</v>
      </c>
      <c r="F39" s="32"/>
      <c r="G39" s="31">
        <v>4.4125284210009035</v>
      </c>
      <c r="H39" s="31"/>
      <c r="I39" s="31">
        <v>2.0999999999999908E-3</v>
      </c>
      <c r="K39" s="59">
        <v>0</v>
      </c>
      <c r="L39" s="30"/>
      <c r="M39" s="34">
        <f t="shared" si="3"/>
        <v>4.4146284210009039</v>
      </c>
      <c r="O39" s="5"/>
      <c r="P39" s="5"/>
      <c r="R39" s="77"/>
      <c r="S39" s="77"/>
    </row>
    <row r="40" spans="1:31">
      <c r="A40" s="70">
        <f>MAX(A$13:A39)+1</f>
        <v>19</v>
      </c>
      <c r="B40" s="70"/>
      <c r="C40" s="15" t="s">
        <v>33</v>
      </c>
      <c r="D40" s="16"/>
      <c r="E40" s="14" t="s">
        <v>27</v>
      </c>
      <c r="F40" s="32"/>
      <c r="G40" s="31">
        <v>0.92394856596743125</v>
      </c>
      <c r="H40" s="31"/>
      <c r="I40" s="31">
        <v>1.6100000000000003E-2</v>
      </c>
      <c r="K40" s="59">
        <v>0</v>
      </c>
      <c r="L40" s="30"/>
      <c r="M40" s="34">
        <f t="shared" si="3"/>
        <v>0.94004856596743125</v>
      </c>
      <c r="O40" s="5"/>
      <c r="P40" s="5"/>
      <c r="R40" s="77"/>
      <c r="S40" s="77"/>
    </row>
    <row r="41" spans="1:31">
      <c r="A41" s="70"/>
      <c r="B41" s="70"/>
      <c r="C41" s="15"/>
      <c r="D41" s="16"/>
      <c r="E41" s="14"/>
      <c r="F41" s="32"/>
      <c r="G41" s="31"/>
      <c r="H41" s="31"/>
      <c r="I41" s="31"/>
      <c r="K41" s="59"/>
      <c r="L41" s="30"/>
      <c r="M41" s="34"/>
      <c r="O41" s="5"/>
      <c r="P41" s="5"/>
      <c r="R41" s="77"/>
      <c r="S41" s="77"/>
    </row>
    <row r="42" spans="1:31">
      <c r="A42" s="70">
        <f>MAX(A$13:A40)+1</f>
        <v>20</v>
      </c>
      <c r="B42" s="14"/>
      <c r="C42" s="15" t="s">
        <v>34</v>
      </c>
      <c r="D42" s="16"/>
      <c r="E42" s="14" t="s">
        <v>27</v>
      </c>
      <c r="F42" s="31"/>
      <c r="G42" s="31">
        <v>9.7645621745846647</v>
      </c>
      <c r="H42" s="31"/>
      <c r="I42" s="31">
        <v>2.9000000000003467E-3</v>
      </c>
      <c r="K42" s="59">
        <v>0</v>
      </c>
      <c r="L42" s="30"/>
      <c r="M42" s="34">
        <f t="shared" si="3"/>
        <v>9.767462174584665</v>
      </c>
      <c r="O42" s="5"/>
      <c r="P42" s="5"/>
      <c r="R42" s="77"/>
      <c r="S42" s="77"/>
    </row>
    <row r="43" spans="1:31">
      <c r="A43" s="14"/>
      <c r="B43" s="14"/>
      <c r="C43" s="16"/>
      <c r="D43" s="16"/>
      <c r="E43" s="14"/>
      <c r="F43" s="31"/>
      <c r="G43" s="31"/>
      <c r="H43" s="31"/>
      <c r="I43" s="31"/>
      <c r="K43" s="16"/>
      <c r="L43" s="30"/>
      <c r="M43" s="16"/>
      <c r="P43" s="4"/>
      <c r="R43" s="77"/>
      <c r="S43" s="77"/>
    </row>
    <row r="44" spans="1:31">
      <c r="A44" s="66"/>
      <c r="B44" s="66"/>
      <c r="C44" s="105" t="s">
        <v>42</v>
      </c>
      <c r="D44" s="38"/>
      <c r="E44" s="66"/>
      <c r="F44" s="39"/>
      <c r="G44" s="39"/>
      <c r="H44" s="39"/>
      <c r="I44" s="40"/>
      <c r="J44" s="37"/>
      <c r="K44" s="16"/>
      <c r="L44" s="30"/>
      <c r="M44" s="16"/>
      <c r="P44" s="4"/>
      <c r="R44" s="77"/>
      <c r="S44" s="77"/>
    </row>
    <row r="45" spans="1:31">
      <c r="A45" s="70">
        <f>MAX(A$13:A44)+1</f>
        <v>21</v>
      </c>
      <c r="B45" s="70"/>
      <c r="C45" s="41" t="s">
        <v>23</v>
      </c>
      <c r="D45" s="37"/>
      <c r="E45" s="55" t="s">
        <v>24</v>
      </c>
      <c r="F45" s="27"/>
      <c r="G45" s="27">
        <v>133.47154003244088</v>
      </c>
      <c r="H45" s="27"/>
      <c r="I45" s="27">
        <v>3.5999999999999943</v>
      </c>
      <c r="J45" s="39"/>
      <c r="K45" s="59">
        <v>0</v>
      </c>
      <c r="L45" s="34"/>
      <c r="M45" s="27">
        <f t="shared" ref="M45:M46" si="4">G45+I45+K45</f>
        <v>137.07154003244088</v>
      </c>
      <c r="O45" s="4"/>
      <c r="P45" s="5"/>
      <c r="R45" s="77"/>
      <c r="S45" s="77"/>
      <c r="Z45" s="72"/>
      <c r="AA45" s="72"/>
      <c r="AB45" s="78"/>
      <c r="AC45" s="72"/>
      <c r="AD45" s="72"/>
      <c r="AE45" s="72"/>
    </row>
    <row r="46" spans="1:31">
      <c r="A46" s="70">
        <f>MAX(A$13:A45)+1</f>
        <v>22</v>
      </c>
      <c r="B46" s="70"/>
      <c r="C46" s="45" t="s">
        <v>43</v>
      </c>
      <c r="D46" s="37"/>
      <c r="E46" s="57" t="s">
        <v>44</v>
      </c>
      <c r="F46" s="32"/>
      <c r="G46" s="31">
        <v>39.612916581984031</v>
      </c>
      <c r="H46" s="31"/>
      <c r="I46" s="31">
        <v>1.0681999999999974</v>
      </c>
      <c r="J46" s="44"/>
      <c r="K46" s="59">
        <v>0</v>
      </c>
      <c r="L46" s="34"/>
      <c r="M46" s="34">
        <f t="shared" si="4"/>
        <v>40.681116581984028</v>
      </c>
      <c r="O46" s="4"/>
      <c r="P46" s="5"/>
      <c r="R46" s="77"/>
      <c r="S46" s="77"/>
      <c r="Z46" s="72"/>
      <c r="AA46" s="72"/>
      <c r="AB46" s="78"/>
      <c r="AC46" s="72"/>
      <c r="AD46" s="72"/>
      <c r="AE46" s="72"/>
    </row>
    <row r="47" spans="1:31">
      <c r="A47" s="70"/>
      <c r="B47" s="70"/>
      <c r="C47" s="45" t="s">
        <v>25</v>
      </c>
      <c r="D47" s="37"/>
      <c r="E47" s="66"/>
      <c r="F47" s="32"/>
      <c r="G47" s="31"/>
      <c r="H47" s="31"/>
      <c r="I47" s="31"/>
      <c r="J47" s="44"/>
      <c r="K47" s="34"/>
      <c r="L47" s="34"/>
      <c r="M47" s="34"/>
      <c r="O47" s="4"/>
      <c r="P47" s="5"/>
      <c r="R47" s="77"/>
      <c r="S47" s="77"/>
      <c r="Z47" s="72"/>
      <c r="AA47" s="72"/>
      <c r="AB47" s="78"/>
      <c r="AC47" s="72"/>
      <c r="AD47" s="72"/>
      <c r="AE47" s="72"/>
    </row>
    <row r="48" spans="1:31" ht="15.6">
      <c r="A48" s="70">
        <f>MAX(A$13:A47)+1</f>
        <v>23</v>
      </c>
      <c r="B48" s="70"/>
      <c r="C48" s="45" t="s">
        <v>45</v>
      </c>
      <c r="D48" s="37"/>
      <c r="E48" s="66" t="s">
        <v>27</v>
      </c>
      <c r="F48" s="31"/>
      <c r="G48" s="31">
        <v>0.17615415745928559</v>
      </c>
      <c r="H48" s="31"/>
      <c r="I48" s="31">
        <v>1.0118</v>
      </c>
      <c r="J48" s="37"/>
      <c r="K48" s="31">
        <v>-1.4800000000000001E-2</v>
      </c>
      <c r="L48" s="34"/>
      <c r="M48" s="34">
        <f t="shared" ref="M48:M50" si="5">G48+I48+K48</f>
        <v>1.1731541574592856</v>
      </c>
      <c r="O48" s="4"/>
      <c r="P48" s="5"/>
      <c r="R48" s="77"/>
      <c r="S48" s="77"/>
      <c r="Z48" s="72"/>
      <c r="AA48" s="72"/>
      <c r="AB48" s="78"/>
      <c r="AC48" s="72"/>
      <c r="AD48" s="72"/>
      <c r="AE48" s="72"/>
    </row>
    <row r="49" spans="1:31" ht="15.6">
      <c r="A49" s="70">
        <f>MAX(A$13:A48)+1</f>
        <v>24</v>
      </c>
      <c r="B49" s="70"/>
      <c r="C49" s="42" t="s">
        <v>46</v>
      </c>
      <c r="D49" s="37"/>
      <c r="E49" s="66" t="s">
        <v>27</v>
      </c>
      <c r="F49" s="31"/>
      <c r="G49" s="31">
        <v>0.17615415745928559</v>
      </c>
      <c r="H49" s="31"/>
      <c r="I49" s="31">
        <v>1.0118</v>
      </c>
      <c r="J49" s="37"/>
      <c r="K49" s="31">
        <v>-1.4800000000000001E-2</v>
      </c>
      <c r="L49" s="34"/>
      <c r="M49" s="34">
        <f t="shared" si="5"/>
        <v>1.1731541574592856</v>
      </c>
      <c r="O49" s="4"/>
      <c r="P49" s="5"/>
      <c r="R49" s="77"/>
      <c r="S49" s="77"/>
      <c r="Z49" s="72"/>
      <c r="AA49" s="72"/>
      <c r="AB49" s="78"/>
      <c r="AC49" s="72"/>
      <c r="AD49" s="72"/>
      <c r="AE49" s="72"/>
    </row>
    <row r="50" spans="1:31" ht="15.6">
      <c r="A50" s="70">
        <f>MAX(A$13:A49)+1</f>
        <v>25</v>
      </c>
      <c r="B50" s="70"/>
      <c r="C50" s="42" t="s">
        <v>47</v>
      </c>
      <c r="D50" s="37"/>
      <c r="E50" s="66" t="s">
        <v>27</v>
      </c>
      <c r="F50" s="31"/>
      <c r="G50" s="31">
        <v>0.17615415745928559</v>
      </c>
      <c r="H50" s="31"/>
      <c r="I50" s="31">
        <v>1.0118</v>
      </c>
      <c r="J50" s="37"/>
      <c r="K50" s="31">
        <v>-1.4800000000000001E-2</v>
      </c>
      <c r="L50" s="34"/>
      <c r="M50" s="34">
        <f t="shared" si="5"/>
        <v>1.1731541574592856</v>
      </c>
      <c r="O50" s="4"/>
      <c r="P50" s="5"/>
      <c r="R50" s="77"/>
      <c r="S50" s="77"/>
      <c r="Z50" s="72"/>
      <c r="AA50" s="72"/>
      <c r="AB50" s="78"/>
      <c r="AC50" s="72"/>
      <c r="AD50" s="72"/>
      <c r="AE50" s="72"/>
    </row>
    <row r="51" spans="1:31">
      <c r="A51" s="70"/>
      <c r="B51" s="70"/>
      <c r="C51" s="45"/>
      <c r="D51" s="37"/>
      <c r="E51" s="66"/>
      <c r="F51" s="31"/>
      <c r="G51" s="31"/>
      <c r="H51" s="31"/>
      <c r="I51" s="31"/>
      <c r="J51" s="37"/>
      <c r="K51" s="34"/>
      <c r="L51" s="34"/>
      <c r="M51" s="34"/>
      <c r="O51" s="4"/>
      <c r="P51" s="5"/>
      <c r="R51" s="77"/>
      <c r="S51" s="77"/>
      <c r="Z51" s="72"/>
      <c r="AA51" s="72"/>
      <c r="AB51" s="72"/>
      <c r="AC51" s="72"/>
      <c r="AD51" s="72"/>
      <c r="AE51" s="72"/>
    </row>
    <row r="52" spans="1:31">
      <c r="A52" s="70">
        <f>MAX(A$13:A51)+1</f>
        <v>26</v>
      </c>
      <c r="B52" s="70"/>
      <c r="C52" s="15" t="s">
        <v>31</v>
      </c>
      <c r="D52" s="37"/>
      <c r="E52" s="66" t="s">
        <v>27</v>
      </c>
      <c r="F52" s="31"/>
      <c r="G52" s="31">
        <v>1.4581971111059824</v>
      </c>
      <c r="H52" s="31"/>
      <c r="I52" s="31">
        <v>1.5900000000000025E-2</v>
      </c>
      <c r="J52" s="37"/>
      <c r="K52" s="63">
        <v>0</v>
      </c>
      <c r="L52" s="34"/>
      <c r="M52" s="34">
        <f t="shared" ref="M52:M56" si="6">G52+I52+K52</f>
        <v>1.4740971111059824</v>
      </c>
      <c r="O52" s="4"/>
      <c r="P52" s="5"/>
      <c r="R52" s="77"/>
      <c r="S52" s="77"/>
      <c r="Z52" s="72"/>
      <c r="AA52" s="72"/>
      <c r="AB52" s="72"/>
      <c r="AC52" s="72"/>
      <c r="AD52" s="72"/>
      <c r="AE52" s="72"/>
    </row>
    <row r="53" spans="1:31">
      <c r="A53" s="70">
        <f>MAX(A$13:A52)+1</f>
        <v>27</v>
      </c>
      <c r="B53" s="70"/>
      <c r="C53" s="15" t="s">
        <v>32</v>
      </c>
      <c r="D53" s="37"/>
      <c r="E53" s="66" t="s">
        <v>27</v>
      </c>
      <c r="F53" s="31"/>
      <c r="G53" s="31">
        <v>4.4125284210009035</v>
      </c>
      <c r="H53" s="31"/>
      <c r="I53" s="31">
        <v>2.0999999999999908E-3</v>
      </c>
      <c r="J53" s="37"/>
      <c r="K53" s="59">
        <v>0</v>
      </c>
      <c r="L53" s="34"/>
      <c r="M53" s="34">
        <f t="shared" si="6"/>
        <v>4.4146284210009039</v>
      </c>
      <c r="O53" s="4"/>
      <c r="P53" s="5"/>
      <c r="R53" s="77"/>
      <c r="S53" s="77"/>
      <c r="Z53" s="72"/>
      <c r="AA53" s="72"/>
      <c r="AB53" s="72"/>
      <c r="AC53" s="72"/>
      <c r="AD53" s="72"/>
      <c r="AE53" s="72"/>
    </row>
    <row r="54" spans="1:31">
      <c r="A54" s="70">
        <f>MAX(A$13:A53)+1</f>
        <v>28</v>
      </c>
      <c r="B54" s="70"/>
      <c r="C54" s="15" t="s">
        <v>33</v>
      </c>
      <c r="D54" s="37"/>
      <c r="E54" s="66" t="s">
        <v>27</v>
      </c>
      <c r="F54" s="31"/>
      <c r="G54" s="31">
        <v>0.92394856596743125</v>
      </c>
      <c r="H54" s="31"/>
      <c r="I54" s="31">
        <v>1.6100000000000003E-2</v>
      </c>
      <c r="J54" s="37"/>
      <c r="K54" s="59">
        <v>0</v>
      </c>
      <c r="L54" s="34"/>
      <c r="M54" s="34">
        <f t="shared" si="6"/>
        <v>0.94004856596743125</v>
      </c>
      <c r="O54" s="4"/>
      <c r="P54" s="5"/>
      <c r="R54" s="77"/>
      <c r="S54" s="77"/>
      <c r="Z54" s="72"/>
      <c r="AA54" s="72"/>
      <c r="AB54" s="72"/>
      <c r="AC54" s="72"/>
      <c r="AD54" s="72"/>
      <c r="AE54" s="72"/>
    </row>
    <row r="55" spans="1:31">
      <c r="A55" s="70"/>
      <c r="B55" s="70"/>
      <c r="C55" s="15"/>
      <c r="D55" s="37"/>
      <c r="E55" s="66"/>
      <c r="F55" s="31"/>
      <c r="G55" s="31"/>
      <c r="H55" s="31"/>
      <c r="I55" s="31"/>
      <c r="J55" s="37"/>
      <c r="K55" s="59"/>
      <c r="L55" s="34"/>
      <c r="M55" s="34"/>
      <c r="O55" s="4"/>
      <c r="P55" s="5"/>
      <c r="R55" s="77"/>
      <c r="S55" s="77"/>
      <c r="Z55" s="72"/>
      <c r="AA55" s="72"/>
      <c r="AB55" s="72"/>
      <c r="AC55" s="72"/>
      <c r="AD55" s="72"/>
      <c r="AE55" s="72"/>
    </row>
    <row r="56" spans="1:31">
      <c r="A56" s="70">
        <f>MAX(A$13:A54)+1</f>
        <v>29</v>
      </c>
      <c r="B56" s="66"/>
      <c r="C56" s="41" t="s">
        <v>34</v>
      </c>
      <c r="D56" s="37"/>
      <c r="E56" s="66" t="s">
        <v>27</v>
      </c>
      <c r="F56" s="39"/>
      <c r="G56" s="31">
        <v>9.7645621745846647</v>
      </c>
      <c r="H56" s="39"/>
      <c r="I56" s="31">
        <v>2.9000000000003467E-3</v>
      </c>
      <c r="J56" s="37"/>
      <c r="K56" s="59">
        <v>0</v>
      </c>
      <c r="L56" s="34"/>
      <c r="M56" s="34">
        <f t="shared" si="6"/>
        <v>9.767462174584665</v>
      </c>
      <c r="O56" s="4"/>
      <c r="P56" s="5"/>
      <c r="R56" s="77"/>
      <c r="S56" s="77"/>
      <c r="Z56" s="72"/>
      <c r="AA56" s="72"/>
      <c r="AB56" s="72"/>
      <c r="AC56" s="72"/>
      <c r="AD56" s="72"/>
      <c r="AE56" s="72"/>
    </row>
    <row r="57" spans="1:31">
      <c r="A57" s="66"/>
      <c r="B57" s="66"/>
      <c r="C57" s="37"/>
      <c r="D57" s="37"/>
      <c r="E57" s="37"/>
      <c r="F57" s="46"/>
      <c r="G57" s="46"/>
      <c r="H57" s="46"/>
      <c r="I57" s="40"/>
      <c r="J57" s="37"/>
      <c r="K57" s="47"/>
      <c r="L57" s="47"/>
      <c r="M57" s="47"/>
      <c r="P57" s="5"/>
      <c r="R57" s="77"/>
      <c r="S57" s="77"/>
      <c r="Z57" s="72"/>
      <c r="AA57" s="72"/>
      <c r="AB57" s="72"/>
      <c r="AC57" s="72"/>
      <c r="AD57" s="72"/>
      <c r="AE57" s="72"/>
    </row>
    <row r="58" spans="1:31">
      <c r="A58" s="66"/>
      <c r="B58" s="66"/>
      <c r="C58" s="105" t="s">
        <v>48</v>
      </c>
      <c r="D58" s="38"/>
      <c r="E58" s="66"/>
      <c r="F58" s="46"/>
      <c r="G58" s="46"/>
      <c r="H58" s="46"/>
      <c r="I58" s="40"/>
      <c r="J58" s="37"/>
      <c r="K58" s="47"/>
      <c r="L58" s="47"/>
      <c r="M58" s="47"/>
      <c r="P58" s="5"/>
      <c r="R58" s="77"/>
      <c r="S58" s="77"/>
      <c r="Z58" s="72"/>
      <c r="AA58" s="72"/>
      <c r="AB58" s="72"/>
      <c r="AC58" s="72"/>
      <c r="AD58" s="72"/>
      <c r="AE58" s="72"/>
    </row>
    <row r="59" spans="1:31">
      <c r="A59" s="70">
        <f>MAX(A$13:A58)+1</f>
        <v>30</v>
      </c>
      <c r="B59" s="70"/>
      <c r="C59" s="38" t="s">
        <v>23</v>
      </c>
      <c r="D59" s="37"/>
      <c r="E59" s="57" t="s">
        <v>24</v>
      </c>
      <c r="F59" s="27"/>
      <c r="G59" s="27">
        <v>642.54715571555448</v>
      </c>
      <c r="H59" s="27"/>
      <c r="I59" s="27">
        <v>17.32000000000005</v>
      </c>
      <c r="J59" s="39"/>
      <c r="K59" s="59">
        <v>0</v>
      </c>
      <c r="L59" s="34"/>
      <c r="M59" s="27">
        <f t="shared" ref="M59:M60" si="7">G59+I59+K59</f>
        <v>659.86715571555453</v>
      </c>
      <c r="O59" s="4"/>
      <c r="P59" s="5"/>
      <c r="R59" s="77"/>
      <c r="S59" s="77"/>
      <c r="Z59" s="72"/>
      <c r="AA59" s="72"/>
      <c r="AB59" s="78"/>
      <c r="AC59" s="72"/>
      <c r="AD59" s="72"/>
      <c r="AE59" s="72"/>
    </row>
    <row r="60" spans="1:31">
      <c r="A60" s="70">
        <f>MAX(A$13:A59)+1</f>
        <v>31</v>
      </c>
      <c r="B60" s="70"/>
      <c r="C60" s="45" t="s">
        <v>43</v>
      </c>
      <c r="D60" s="37"/>
      <c r="E60" s="57" t="s">
        <v>44</v>
      </c>
      <c r="F60" s="32"/>
      <c r="G60" s="31">
        <v>25.39395049703483</v>
      </c>
      <c r="H60" s="31"/>
      <c r="I60" s="31">
        <v>0.68470000000000297</v>
      </c>
      <c r="J60" s="37"/>
      <c r="K60" s="59">
        <v>0</v>
      </c>
      <c r="L60" s="34"/>
      <c r="M60" s="34">
        <f t="shared" si="7"/>
        <v>26.078650497034833</v>
      </c>
      <c r="O60" s="4"/>
      <c r="P60" s="5"/>
      <c r="R60" s="77"/>
      <c r="S60" s="77"/>
      <c r="Z60" s="72"/>
      <c r="AA60" s="72"/>
      <c r="AB60" s="81"/>
      <c r="AC60" s="81"/>
      <c r="AD60" s="81"/>
      <c r="AE60" s="72"/>
    </row>
    <row r="61" spans="1:31">
      <c r="A61" s="70"/>
      <c r="B61" s="70"/>
      <c r="C61" s="45" t="s">
        <v>25</v>
      </c>
      <c r="D61" s="37"/>
      <c r="E61" s="66"/>
      <c r="F61" s="32"/>
      <c r="G61" s="31"/>
      <c r="H61" s="31"/>
      <c r="I61" s="31"/>
      <c r="J61" s="37"/>
      <c r="K61" s="34"/>
      <c r="L61" s="34"/>
      <c r="M61" s="34"/>
      <c r="O61" s="4"/>
      <c r="P61" s="5"/>
      <c r="R61" s="77"/>
      <c r="S61" s="77"/>
      <c r="Z61" s="72"/>
      <c r="AA61" s="72"/>
      <c r="AB61" s="81"/>
      <c r="AC61" s="81"/>
      <c r="AD61" s="81"/>
      <c r="AE61" s="72"/>
    </row>
    <row r="62" spans="1:31" ht="15.6">
      <c r="A62" s="70">
        <f>MAX(A$13:A61)+1</f>
        <v>32</v>
      </c>
      <c r="B62" s="70"/>
      <c r="C62" s="45" t="s">
        <v>49</v>
      </c>
      <c r="D62" s="37"/>
      <c r="E62" s="67" t="s">
        <v>27</v>
      </c>
      <c r="F62" s="31"/>
      <c r="G62" s="31">
        <v>0.91572168640571228</v>
      </c>
      <c r="H62" s="31"/>
      <c r="I62" s="31">
        <v>1.9200000000000106E-2</v>
      </c>
      <c r="J62" s="37"/>
      <c r="K62" s="31">
        <v>-1.6299999999999999E-2</v>
      </c>
      <c r="L62" s="34"/>
      <c r="M62" s="34">
        <f t="shared" ref="M62:M63" si="8">G62+I62+K62</f>
        <v>0.9186216864057124</v>
      </c>
      <c r="O62" s="4"/>
      <c r="P62" s="5"/>
      <c r="R62" s="77"/>
      <c r="S62" s="77"/>
      <c r="Z62" s="72"/>
      <c r="AA62" s="72"/>
      <c r="AB62" s="82"/>
      <c r="AC62" s="82"/>
      <c r="AD62" s="72"/>
      <c r="AE62" s="72"/>
    </row>
    <row r="63" spans="1:31" ht="15.6">
      <c r="A63" s="70">
        <f>MAX(A$13:A62)+1</f>
        <v>33</v>
      </c>
      <c r="B63" s="70"/>
      <c r="C63" s="42" t="s">
        <v>50</v>
      </c>
      <c r="D63" s="37"/>
      <c r="E63" s="67" t="s">
        <v>27</v>
      </c>
      <c r="F63" s="31"/>
      <c r="G63" s="31">
        <v>0.74774774219362172</v>
      </c>
      <c r="H63" s="31"/>
      <c r="I63" s="31">
        <v>1.4699999999999935E-2</v>
      </c>
      <c r="J63" s="37"/>
      <c r="K63" s="31">
        <v>-1.6299999999999999E-2</v>
      </c>
      <c r="L63" s="34"/>
      <c r="M63" s="34">
        <f t="shared" si="8"/>
        <v>0.74614774219362168</v>
      </c>
      <c r="O63" s="4"/>
      <c r="P63" s="5"/>
      <c r="R63" s="77"/>
      <c r="S63" s="77"/>
      <c r="Z63" s="72"/>
      <c r="AA63" s="72"/>
      <c r="AB63" s="72"/>
      <c r="AC63" s="72"/>
      <c r="AD63" s="72"/>
      <c r="AE63" s="72"/>
    </row>
    <row r="64" spans="1:31">
      <c r="A64" s="70"/>
      <c r="B64" s="70"/>
      <c r="C64" s="37"/>
      <c r="D64" s="37"/>
      <c r="E64" s="67"/>
      <c r="F64" s="31"/>
      <c r="G64" s="31"/>
      <c r="H64" s="31"/>
      <c r="I64" s="31"/>
      <c r="J64" s="37"/>
      <c r="K64" s="34"/>
      <c r="L64" s="34"/>
      <c r="M64" s="34"/>
      <c r="O64" s="4"/>
      <c r="P64" s="5"/>
      <c r="R64" s="77"/>
      <c r="S64" s="77"/>
      <c r="Z64" s="72"/>
      <c r="AA64" s="72"/>
      <c r="AB64" s="72"/>
      <c r="AC64" s="72"/>
      <c r="AD64" s="72"/>
      <c r="AE64" s="72"/>
    </row>
    <row r="65" spans="1:31">
      <c r="A65" s="70">
        <f>MAX(A$13:A63)+1</f>
        <v>34</v>
      </c>
      <c r="B65" s="70"/>
      <c r="C65" s="15" t="s">
        <v>31</v>
      </c>
      <c r="D65" s="37"/>
      <c r="E65" s="67" t="s">
        <v>27</v>
      </c>
      <c r="F65" s="31"/>
      <c r="G65" s="31">
        <v>0.30297670783509378</v>
      </c>
      <c r="H65" s="31"/>
      <c r="I65" s="31">
        <v>1.7999999999999683E-3</v>
      </c>
      <c r="J65" s="37"/>
      <c r="K65" s="31">
        <v>-3.3999999999999998E-3</v>
      </c>
      <c r="L65" s="34"/>
      <c r="M65" s="34">
        <f t="shared" ref="M65:M69" si="9">G65+I65+K65</f>
        <v>0.30137670783509374</v>
      </c>
      <c r="O65" s="4"/>
      <c r="P65" s="5"/>
      <c r="R65" s="77"/>
      <c r="S65" s="77"/>
      <c r="Z65" s="72"/>
      <c r="AA65" s="72"/>
      <c r="AB65" s="72"/>
      <c r="AC65" s="72"/>
      <c r="AD65" s="72"/>
      <c r="AE65" s="72"/>
    </row>
    <row r="66" spans="1:31">
      <c r="A66" s="70">
        <f>MAX(A$13:A65)+1</f>
        <v>35</v>
      </c>
      <c r="B66" s="70"/>
      <c r="C66" s="15" t="s">
        <v>32</v>
      </c>
      <c r="D66" s="37"/>
      <c r="E66" s="67" t="s">
        <v>27</v>
      </c>
      <c r="F66" s="31"/>
      <c r="G66" s="31">
        <v>4.4125284231610005</v>
      </c>
      <c r="H66" s="31"/>
      <c r="I66" s="31">
        <v>2.0999999999999908E-3</v>
      </c>
      <c r="J66" s="37"/>
      <c r="K66" s="59">
        <v>0</v>
      </c>
      <c r="L66" s="34"/>
      <c r="M66" s="34">
        <f t="shared" si="9"/>
        <v>4.414628423161</v>
      </c>
      <c r="O66" s="4"/>
      <c r="P66" s="5"/>
      <c r="R66" s="77"/>
      <c r="S66" s="77"/>
      <c r="Z66" s="72"/>
      <c r="AA66" s="72"/>
      <c r="AB66" s="72"/>
      <c r="AC66" s="72"/>
      <c r="AD66" s="72"/>
      <c r="AE66" s="72"/>
    </row>
    <row r="67" spans="1:31">
      <c r="A67" s="70">
        <f>MAX(A$13:A66)+1</f>
        <v>36</v>
      </c>
      <c r="B67" s="70"/>
      <c r="C67" s="15" t="s">
        <v>33</v>
      </c>
      <c r="D67" s="37"/>
      <c r="E67" s="67" t="s">
        <v>27</v>
      </c>
      <c r="F67" s="31"/>
      <c r="G67" s="31">
        <v>0.92394855677742105</v>
      </c>
      <c r="H67" s="31"/>
      <c r="I67" s="31">
        <v>1.6100000000000003E-2</v>
      </c>
      <c r="J67" s="37"/>
      <c r="K67" s="59">
        <v>0</v>
      </c>
      <c r="L67" s="34"/>
      <c r="M67" s="34">
        <f t="shared" si="9"/>
        <v>0.94004855677742105</v>
      </c>
      <c r="O67" s="4"/>
      <c r="P67" s="5"/>
      <c r="R67" s="77"/>
      <c r="S67" s="77"/>
      <c r="Z67" s="72"/>
      <c r="AA67" s="72"/>
      <c r="AB67" s="72"/>
      <c r="AC67" s="72"/>
      <c r="AD67" s="72"/>
      <c r="AE67" s="72"/>
    </row>
    <row r="68" spans="1:31">
      <c r="A68" s="70"/>
      <c r="B68" s="70"/>
      <c r="C68" s="15"/>
      <c r="D68" s="37"/>
      <c r="E68" s="67"/>
      <c r="F68" s="31"/>
      <c r="G68" s="31"/>
      <c r="H68" s="31"/>
      <c r="I68" s="31"/>
      <c r="J68" s="37"/>
      <c r="K68" s="59"/>
      <c r="L68" s="34"/>
      <c r="M68" s="34"/>
      <c r="O68" s="4"/>
      <c r="P68" s="5"/>
      <c r="R68" s="77"/>
      <c r="S68" s="77"/>
      <c r="Z68" s="72"/>
      <c r="AA68" s="72"/>
      <c r="AB68" s="72"/>
      <c r="AC68" s="72"/>
      <c r="AD68" s="72"/>
      <c r="AE68" s="72"/>
    </row>
    <row r="69" spans="1:31">
      <c r="A69" s="70">
        <f>MAX(A$13:A67)+1</f>
        <v>37</v>
      </c>
      <c r="B69" s="70"/>
      <c r="C69" s="38" t="s">
        <v>34</v>
      </c>
      <c r="D69" s="37"/>
      <c r="E69" s="67" t="s">
        <v>27</v>
      </c>
      <c r="F69" s="31"/>
      <c r="G69" s="31">
        <v>9.7031946833269505</v>
      </c>
      <c r="H69" s="31"/>
      <c r="I69" s="31">
        <v>1.2999999999969702E-3</v>
      </c>
      <c r="J69" s="37"/>
      <c r="K69" s="59">
        <v>0</v>
      </c>
      <c r="L69" s="34"/>
      <c r="M69" s="34">
        <f t="shared" si="9"/>
        <v>9.7044946833269474</v>
      </c>
      <c r="O69" s="4"/>
      <c r="P69" s="5"/>
      <c r="R69" s="77"/>
      <c r="S69" s="77"/>
      <c r="Z69" s="72"/>
      <c r="AA69" s="72"/>
      <c r="AB69" s="72"/>
      <c r="AC69" s="72"/>
      <c r="AD69" s="72"/>
      <c r="AE69" s="72"/>
    </row>
    <row r="70" spans="1:31">
      <c r="A70" s="70"/>
      <c r="B70" s="70"/>
      <c r="C70" s="38"/>
      <c r="D70" s="37"/>
      <c r="E70" s="66"/>
      <c r="F70" s="46"/>
      <c r="G70" s="46"/>
      <c r="H70" s="46"/>
      <c r="I70" s="40"/>
      <c r="J70" s="37"/>
      <c r="K70" s="47"/>
      <c r="L70" s="47"/>
      <c r="M70" s="47"/>
      <c r="P70" s="5"/>
      <c r="R70" s="77"/>
      <c r="S70" s="77"/>
      <c r="Z70" s="72"/>
      <c r="AA70" s="72"/>
      <c r="AB70" s="72"/>
      <c r="AC70" s="72"/>
      <c r="AD70" s="72"/>
      <c r="AE70" s="72"/>
    </row>
    <row r="71" spans="1:31">
      <c r="A71" s="14"/>
      <c r="B71" s="14"/>
      <c r="C71" s="105" t="s">
        <v>51</v>
      </c>
      <c r="D71" s="16"/>
      <c r="E71" s="14"/>
      <c r="G71" s="16"/>
      <c r="I71" s="16"/>
      <c r="K71" s="47"/>
      <c r="L71" s="47"/>
      <c r="M71" s="47"/>
      <c r="R71" s="77"/>
      <c r="S71" s="77"/>
      <c r="Z71" s="72"/>
      <c r="AA71" s="72"/>
      <c r="AB71" s="72"/>
      <c r="AC71" s="72"/>
      <c r="AD71" s="72"/>
      <c r="AE71" s="72"/>
    </row>
    <row r="72" spans="1:31">
      <c r="A72" s="70">
        <f>MAX(A$13:A71)+1</f>
        <v>38</v>
      </c>
      <c r="B72" s="70"/>
      <c r="C72" s="16" t="s">
        <v>23</v>
      </c>
      <c r="D72" s="16"/>
      <c r="E72" s="55" t="s">
        <v>24</v>
      </c>
      <c r="G72" s="27">
        <v>681.10851778541416</v>
      </c>
      <c r="I72" s="27">
        <v>18.36629999999991</v>
      </c>
      <c r="K72" s="59">
        <v>0</v>
      </c>
      <c r="L72" s="34"/>
      <c r="M72" s="27">
        <f t="shared" ref="M72:M73" si="10">G72+I72+K72</f>
        <v>699.47481778541407</v>
      </c>
      <c r="N72" s="34"/>
      <c r="O72" s="4"/>
      <c r="P72" s="4"/>
      <c r="R72" s="77"/>
      <c r="S72" s="77"/>
      <c r="Z72" s="72"/>
      <c r="AA72" s="72"/>
      <c r="AB72" s="72"/>
      <c r="AC72" s="72"/>
      <c r="AD72" s="72"/>
      <c r="AE72" s="72"/>
    </row>
    <row r="73" spans="1:31">
      <c r="A73" s="70">
        <f>MAX(A$13:A72)+1</f>
        <v>39</v>
      </c>
      <c r="B73" s="70"/>
      <c r="C73" s="45" t="s">
        <v>43</v>
      </c>
      <c r="D73" s="16"/>
      <c r="E73" s="14" t="s">
        <v>44</v>
      </c>
      <c r="G73" s="34">
        <v>27.124262553809189</v>
      </c>
      <c r="I73" s="31">
        <v>0.73139999999999716</v>
      </c>
      <c r="K73" s="59">
        <v>0</v>
      </c>
      <c r="L73" s="34"/>
      <c r="M73" s="34">
        <f t="shared" si="10"/>
        <v>27.855662553809186</v>
      </c>
      <c r="N73" s="34"/>
      <c r="O73" s="4"/>
      <c r="P73" s="4"/>
      <c r="R73" s="77"/>
      <c r="S73" s="77"/>
      <c r="Z73" s="72"/>
      <c r="AA73" s="72"/>
      <c r="AB73" s="72"/>
      <c r="AC73" s="72"/>
      <c r="AD73" s="72"/>
      <c r="AE73" s="72"/>
    </row>
    <row r="74" spans="1:31">
      <c r="A74" s="70"/>
      <c r="B74" s="70"/>
      <c r="C74" s="45" t="s">
        <v>25</v>
      </c>
      <c r="D74" s="16"/>
      <c r="E74" s="14"/>
      <c r="G74" s="34"/>
      <c r="I74" s="31"/>
      <c r="K74" s="34"/>
      <c r="L74" s="34"/>
      <c r="M74" s="34"/>
      <c r="N74" s="34"/>
      <c r="O74" s="4"/>
      <c r="P74" s="4"/>
      <c r="R74" s="77"/>
      <c r="S74" s="77"/>
      <c r="Z74" s="72"/>
      <c r="AA74" s="72"/>
      <c r="AB74" s="72"/>
      <c r="AC74" s="72"/>
      <c r="AD74" s="72"/>
      <c r="AE74" s="72"/>
    </row>
    <row r="75" spans="1:31" ht="15.6">
      <c r="A75" s="70">
        <f>MAX(A$13:A74)+1</f>
        <v>40</v>
      </c>
      <c r="B75" s="70"/>
      <c r="C75" s="45" t="s">
        <v>49</v>
      </c>
      <c r="D75" s="16"/>
      <c r="E75" s="14" t="s">
        <v>27</v>
      </c>
      <c r="G75" s="34">
        <v>0.55567469621239396</v>
      </c>
      <c r="I75" s="31">
        <v>-8.3099999999999952E-2</v>
      </c>
      <c r="K75" s="31">
        <v>-1.5299999999999999E-2</v>
      </c>
      <c r="L75" s="34"/>
      <c r="M75" s="34">
        <f t="shared" ref="M75:M76" si="11">G75+I75+K75</f>
        <v>0.45727469621239403</v>
      </c>
      <c r="N75" s="34"/>
      <c r="O75" s="4"/>
      <c r="P75" s="4"/>
      <c r="R75" s="77"/>
      <c r="S75" s="77"/>
      <c r="Z75" s="72"/>
      <c r="AA75" s="72"/>
      <c r="AB75" s="72"/>
      <c r="AC75" s="72"/>
      <c r="AD75" s="72"/>
      <c r="AE75" s="72"/>
    </row>
    <row r="76" spans="1:31" ht="15.6">
      <c r="A76" s="70">
        <f>MAX(A$13:A75)+1</f>
        <v>41</v>
      </c>
      <c r="B76" s="70"/>
      <c r="C76" s="42" t="s">
        <v>50</v>
      </c>
      <c r="D76" s="16"/>
      <c r="E76" s="14" t="s">
        <v>27</v>
      </c>
      <c r="G76" s="34">
        <v>0.45318808949064127</v>
      </c>
      <c r="I76" s="31">
        <v>-8.5900000000000032E-2</v>
      </c>
      <c r="K76" s="31">
        <v>-1.5299999999999999E-2</v>
      </c>
      <c r="L76" s="34"/>
      <c r="M76" s="34">
        <f t="shared" si="11"/>
        <v>0.35198808949064125</v>
      </c>
      <c r="N76" s="34"/>
      <c r="O76" s="4"/>
      <c r="P76" s="4"/>
      <c r="R76" s="77"/>
      <c r="S76" s="77"/>
      <c r="Z76" s="72"/>
      <c r="AA76" s="72"/>
      <c r="AB76" s="72"/>
      <c r="AC76" s="72"/>
      <c r="AD76" s="72"/>
      <c r="AE76" s="72"/>
    </row>
    <row r="77" spans="1:31">
      <c r="A77" s="70"/>
      <c r="B77" s="70"/>
      <c r="C77" s="16"/>
      <c r="D77" s="16"/>
      <c r="E77" s="14"/>
      <c r="G77" s="34"/>
      <c r="I77" s="31"/>
      <c r="K77" s="34"/>
      <c r="L77" s="34"/>
      <c r="M77" s="34"/>
      <c r="N77" s="34"/>
      <c r="O77" s="4"/>
      <c r="P77" s="4"/>
      <c r="R77" s="77"/>
      <c r="S77" s="77"/>
      <c r="Z77" s="72"/>
      <c r="AA77" s="72"/>
      <c r="AB77" s="72"/>
      <c r="AC77" s="72"/>
      <c r="AD77" s="72"/>
      <c r="AE77" s="72"/>
    </row>
    <row r="78" spans="1:31">
      <c r="A78" s="70">
        <f>MAX(A$13:A76)+1</f>
        <v>42</v>
      </c>
      <c r="B78" s="70"/>
      <c r="C78" s="15" t="s">
        <v>31</v>
      </c>
      <c r="D78" s="16"/>
      <c r="E78" s="14" t="s">
        <v>27</v>
      </c>
      <c r="G78" s="34">
        <v>0.11053026259998441</v>
      </c>
      <c r="I78" s="31">
        <v>6.0000000000000331E-4</v>
      </c>
      <c r="K78" s="31">
        <v>-1.1000000000000001E-3</v>
      </c>
      <c r="L78" s="34"/>
      <c r="M78" s="34">
        <f>G78+I78+K78</f>
        <v>0.11003026259998441</v>
      </c>
      <c r="N78" s="34"/>
      <c r="O78" s="4"/>
      <c r="P78" s="4"/>
      <c r="R78" s="77"/>
      <c r="S78" s="77"/>
      <c r="Z78" s="72"/>
      <c r="AA78" s="72"/>
      <c r="AB78" s="72"/>
      <c r="AC78" s="72"/>
      <c r="AD78" s="72"/>
      <c r="AE78" s="72"/>
    </row>
    <row r="79" spans="1:31">
      <c r="A79" s="70">
        <f>MAX(A$13:A78)+1</f>
        <v>43</v>
      </c>
      <c r="B79" s="70"/>
      <c r="C79" s="15" t="s">
        <v>32</v>
      </c>
      <c r="D79" s="16"/>
      <c r="E79" s="14" t="s">
        <v>27</v>
      </c>
      <c r="G79" s="34">
        <v>4.4125294149811891</v>
      </c>
      <c r="I79" s="31">
        <v>2.0999999999999908E-3</v>
      </c>
      <c r="K79" s="59">
        <v>0</v>
      </c>
      <c r="L79" s="34"/>
      <c r="M79" s="34">
        <f t="shared" ref="M79:M82" si="12">G79+I79+K79</f>
        <v>4.4146294149811887</v>
      </c>
      <c r="N79" s="34"/>
      <c r="O79" s="4"/>
      <c r="P79" s="4"/>
      <c r="R79" s="77"/>
      <c r="S79" s="77"/>
      <c r="Z79" s="72"/>
      <c r="AA79" s="72"/>
      <c r="AB79" s="72"/>
      <c r="AC79" s="72"/>
      <c r="AD79" s="72"/>
      <c r="AE79" s="72"/>
    </row>
    <row r="80" spans="1:31">
      <c r="A80" s="70">
        <f>MAX(A$13:A79)+1</f>
        <v>44</v>
      </c>
      <c r="B80" s="70"/>
      <c r="C80" s="15" t="s">
        <v>33</v>
      </c>
      <c r="D80" s="16"/>
      <c r="E80" s="14" t="s">
        <v>27</v>
      </c>
      <c r="G80" s="34">
        <v>0.92394861376981208</v>
      </c>
      <c r="I80" s="31">
        <v>1.6100000000000003E-2</v>
      </c>
      <c r="K80" s="59">
        <v>0</v>
      </c>
      <c r="L80" s="34"/>
      <c r="M80" s="34">
        <f t="shared" si="12"/>
        <v>0.94004861376981208</v>
      </c>
      <c r="N80" s="34"/>
      <c r="O80" s="4"/>
      <c r="P80" s="4"/>
      <c r="R80" s="77"/>
      <c r="S80" s="77"/>
      <c r="Z80" s="72"/>
      <c r="AA80" s="72"/>
      <c r="AB80" s="72"/>
      <c r="AC80" s="72"/>
      <c r="AD80" s="72"/>
      <c r="AE80" s="72"/>
    </row>
    <row r="81" spans="1:31">
      <c r="A81" s="70"/>
      <c r="B81" s="70"/>
      <c r="C81" s="15"/>
      <c r="D81" s="16"/>
      <c r="E81" s="14"/>
      <c r="G81" s="34"/>
      <c r="I81" s="31"/>
      <c r="K81" s="59"/>
      <c r="L81" s="34"/>
      <c r="M81" s="34"/>
      <c r="N81" s="34"/>
      <c r="O81" s="4"/>
      <c r="P81" s="4"/>
      <c r="R81" s="77"/>
      <c r="S81" s="77"/>
      <c r="Z81" s="72"/>
      <c r="AA81" s="72"/>
      <c r="AB81" s="72"/>
      <c r="AC81" s="72"/>
      <c r="AD81" s="72"/>
      <c r="AE81" s="72"/>
    </row>
    <row r="82" spans="1:31">
      <c r="A82" s="70">
        <f>MAX(A$13:A80)+1</f>
        <v>45</v>
      </c>
      <c r="B82" s="70"/>
      <c r="C82" s="16" t="s">
        <v>34</v>
      </c>
      <c r="D82" s="16"/>
      <c r="E82" s="14" t="s">
        <v>27</v>
      </c>
      <c r="G82" s="34">
        <v>9.7031946833269505</v>
      </c>
      <c r="I82" s="31">
        <v>1.2999999999969702E-3</v>
      </c>
      <c r="K82" s="59">
        <v>0</v>
      </c>
      <c r="L82" s="34"/>
      <c r="M82" s="34">
        <f t="shared" si="12"/>
        <v>9.7044946833269474</v>
      </c>
      <c r="N82" s="34"/>
      <c r="O82" s="4"/>
      <c r="P82" s="4"/>
      <c r="R82" s="77"/>
      <c r="S82" s="77"/>
      <c r="Z82" s="72"/>
      <c r="AA82" s="72"/>
      <c r="AB82" s="72"/>
      <c r="AC82" s="72"/>
      <c r="AD82" s="72"/>
      <c r="AE82" s="72"/>
    </row>
    <row r="83" spans="1:31" ht="12.75" customHeight="1">
      <c r="A83" s="14"/>
      <c r="B83" s="14"/>
      <c r="C83" s="16"/>
      <c r="D83" s="16"/>
      <c r="E83" s="14"/>
      <c r="G83" s="16"/>
      <c r="I83" s="16"/>
      <c r="K83" s="34"/>
      <c r="L83" s="34"/>
      <c r="M83" s="34"/>
      <c r="N83" s="34"/>
      <c r="O83" s="4"/>
      <c r="P83" s="4"/>
      <c r="R83" s="77"/>
      <c r="S83" s="77"/>
      <c r="Z83" s="72"/>
      <c r="AA83" s="72"/>
      <c r="AB83" s="72"/>
      <c r="AC83" s="72"/>
      <c r="AD83" s="72"/>
      <c r="AE83" s="72"/>
    </row>
    <row r="84" spans="1:31" ht="12.75" customHeight="1">
      <c r="A84" s="14"/>
      <c r="B84" s="14"/>
      <c r="C84" s="16"/>
      <c r="D84" s="16"/>
      <c r="E84" s="14"/>
      <c r="G84" s="16"/>
      <c r="I84" s="16"/>
      <c r="K84" s="34"/>
      <c r="L84" s="34"/>
      <c r="M84" s="34"/>
      <c r="N84" s="34"/>
      <c r="O84" s="4"/>
      <c r="P84" s="4"/>
      <c r="R84" s="77"/>
      <c r="S84" s="77"/>
      <c r="Z84" s="72"/>
      <c r="AA84" s="72"/>
      <c r="AB84" s="72"/>
      <c r="AC84" s="72"/>
      <c r="AD84" s="72"/>
      <c r="AE84" s="72"/>
    </row>
    <row r="85" spans="1:31" ht="12.75" customHeight="1">
      <c r="A85" s="14"/>
      <c r="B85" s="14"/>
      <c r="C85" s="16"/>
      <c r="D85" s="16"/>
      <c r="E85" s="14"/>
      <c r="G85" s="16"/>
      <c r="I85" s="16"/>
      <c r="K85" s="34"/>
      <c r="L85" s="34"/>
      <c r="M85" s="34"/>
      <c r="N85" s="34"/>
      <c r="O85" s="4"/>
      <c r="P85" s="4"/>
      <c r="R85" s="77"/>
      <c r="S85" s="77"/>
      <c r="Z85" s="72"/>
      <c r="AA85" s="72"/>
      <c r="AB85" s="72"/>
      <c r="AC85" s="72"/>
      <c r="AD85" s="72"/>
      <c r="AE85" s="72"/>
    </row>
    <row r="86" spans="1:31" ht="12.75" customHeight="1">
      <c r="A86" s="14"/>
      <c r="B86" s="14"/>
      <c r="C86" s="16"/>
      <c r="D86" s="16"/>
      <c r="E86" s="14"/>
      <c r="G86" s="16"/>
      <c r="I86" s="16"/>
      <c r="K86" s="34"/>
      <c r="L86" s="34"/>
      <c r="M86" s="34"/>
      <c r="N86" s="34"/>
      <c r="O86" s="4"/>
      <c r="P86" s="4"/>
      <c r="R86" s="77"/>
      <c r="S86" s="77"/>
      <c r="Z86" s="72"/>
      <c r="AA86" s="72"/>
      <c r="AB86" s="72"/>
      <c r="AC86" s="72"/>
      <c r="AD86" s="72"/>
      <c r="AE86" s="72"/>
    </row>
    <row r="87" spans="1:31" ht="12.75" customHeight="1">
      <c r="A87" s="14"/>
      <c r="B87" s="14"/>
      <c r="C87" s="16"/>
      <c r="D87" s="16"/>
      <c r="E87" s="14"/>
      <c r="G87" s="16"/>
      <c r="I87" s="16"/>
      <c r="K87" s="34"/>
      <c r="L87" s="34"/>
      <c r="M87" s="34"/>
      <c r="N87" s="34"/>
      <c r="O87" s="4"/>
      <c r="P87" s="4"/>
      <c r="R87" s="77"/>
      <c r="S87" s="77"/>
      <c r="Z87" s="72"/>
      <c r="AA87" s="72"/>
      <c r="AB87" s="72"/>
      <c r="AC87" s="72"/>
      <c r="AD87" s="72"/>
      <c r="AE87" s="72"/>
    </row>
    <row r="88" spans="1:31" ht="12.75" customHeight="1">
      <c r="A88" s="14"/>
      <c r="B88" s="14"/>
      <c r="C88" s="16"/>
      <c r="D88" s="16"/>
      <c r="E88" s="14"/>
      <c r="G88" s="16"/>
      <c r="I88" s="16"/>
      <c r="K88" s="34"/>
      <c r="L88" s="34"/>
      <c r="M88" s="34"/>
      <c r="N88" s="34"/>
      <c r="O88" s="4"/>
      <c r="P88" s="4"/>
      <c r="R88" s="77"/>
      <c r="S88" s="77"/>
      <c r="Z88" s="72"/>
      <c r="AA88" s="72"/>
      <c r="AB88" s="72"/>
      <c r="AC88" s="72"/>
      <c r="AD88" s="72"/>
      <c r="AE88" s="72"/>
    </row>
    <row r="89" spans="1:31" ht="12.75" customHeight="1">
      <c r="A89" s="134" t="s">
        <v>52</v>
      </c>
      <c r="B89" s="134"/>
      <c r="C89" s="134"/>
      <c r="D89" s="134"/>
      <c r="E89" s="134"/>
      <c r="F89" s="134"/>
      <c r="G89" s="134"/>
      <c r="H89" s="134"/>
      <c r="I89" s="134"/>
      <c r="J89" s="134"/>
      <c r="K89" s="134"/>
      <c r="L89" s="134"/>
      <c r="M89" s="134"/>
      <c r="P89" s="5"/>
      <c r="R89" s="77"/>
      <c r="S89" s="77"/>
      <c r="Z89" s="72"/>
      <c r="AA89" s="72"/>
      <c r="AB89" s="72"/>
      <c r="AC89" s="72"/>
      <c r="AD89" s="72"/>
      <c r="AE89" s="72"/>
    </row>
    <row r="90" spans="1:31" ht="12.75" customHeight="1">
      <c r="A90" s="136" t="s">
        <v>1</v>
      </c>
      <c r="B90" s="134"/>
      <c r="C90" s="134"/>
      <c r="D90" s="134"/>
      <c r="E90" s="134"/>
      <c r="F90" s="134"/>
      <c r="G90" s="134"/>
      <c r="H90" s="134"/>
      <c r="I90" s="134"/>
      <c r="J90" s="134"/>
      <c r="K90" s="134"/>
      <c r="L90" s="134"/>
      <c r="M90" s="134"/>
      <c r="P90" s="5"/>
      <c r="R90" s="77"/>
      <c r="S90" s="77"/>
      <c r="Z90" s="72"/>
      <c r="AA90" s="72"/>
      <c r="AB90" s="72"/>
      <c r="AC90" s="72"/>
      <c r="AD90" s="72"/>
      <c r="AE90" s="72"/>
    </row>
    <row r="91" spans="1:31" ht="12.75" customHeight="1">
      <c r="A91" s="99"/>
      <c r="B91" s="100"/>
      <c r="C91" s="100"/>
      <c r="D91" s="100"/>
      <c r="E91" s="100"/>
      <c r="F91" s="100"/>
      <c r="G91" s="100"/>
      <c r="H91" s="100"/>
      <c r="I91" s="100"/>
      <c r="J91" s="100"/>
      <c r="K91" s="100"/>
      <c r="L91" s="100"/>
      <c r="M91" s="100"/>
      <c r="P91" s="5"/>
      <c r="R91" s="77"/>
      <c r="S91" s="77"/>
      <c r="Z91" s="72"/>
      <c r="AA91" s="72"/>
      <c r="AB91" s="72"/>
      <c r="AC91" s="72"/>
      <c r="AD91" s="72"/>
      <c r="AE91" s="72"/>
    </row>
    <row r="92" spans="1:31" ht="12.75" customHeight="1">
      <c r="A92" s="14"/>
      <c r="B92" s="14"/>
      <c r="C92" s="16"/>
      <c r="D92" s="16"/>
      <c r="E92" s="16"/>
      <c r="F92" s="17"/>
      <c r="G92" s="24" t="s">
        <v>2</v>
      </c>
      <c r="H92" s="11"/>
      <c r="I92" s="11"/>
      <c r="J92" s="11"/>
      <c r="K92" s="102"/>
      <c r="L92" s="12"/>
      <c r="M92" s="102" t="s">
        <v>3</v>
      </c>
      <c r="P92" s="5"/>
      <c r="R92" s="77"/>
      <c r="S92" s="77"/>
      <c r="Z92" s="72"/>
      <c r="AA92" s="72"/>
      <c r="AB92" s="72"/>
      <c r="AC92" s="72"/>
      <c r="AD92" s="72"/>
      <c r="AE92" s="72"/>
    </row>
    <row r="93" spans="1:31" ht="12.75" customHeight="1">
      <c r="A93" s="14"/>
      <c r="B93" s="14"/>
      <c r="C93" s="16"/>
      <c r="D93" s="16"/>
      <c r="E93" s="16"/>
      <c r="F93" s="74"/>
      <c r="G93" s="24" t="s">
        <v>4</v>
      </c>
      <c r="H93" s="79"/>
      <c r="I93" s="76" t="s">
        <v>5</v>
      </c>
      <c r="J93" s="13"/>
      <c r="K93" s="102" t="s">
        <v>6</v>
      </c>
      <c r="L93" s="12"/>
      <c r="M93" s="24" t="s">
        <v>4</v>
      </c>
      <c r="P93" s="5"/>
      <c r="R93" s="77"/>
      <c r="S93" s="77"/>
      <c r="Z93" s="72"/>
      <c r="AA93" s="72"/>
      <c r="AB93" s="72"/>
      <c r="AC93" s="72"/>
      <c r="AD93" s="72"/>
      <c r="AE93" s="72"/>
    </row>
    <row r="94" spans="1:31" ht="12.75" customHeight="1">
      <c r="A94" s="14" t="s">
        <v>7</v>
      </c>
      <c r="B94" s="14"/>
      <c r="C94" s="16"/>
      <c r="D94" s="16"/>
      <c r="E94" s="17"/>
      <c r="F94" s="14"/>
      <c r="G94" s="76" t="s">
        <v>6</v>
      </c>
      <c r="H94" s="18"/>
      <c r="I94" s="80" t="s">
        <v>8</v>
      </c>
      <c r="K94" s="102" t="s">
        <v>9</v>
      </c>
      <c r="L94" s="12"/>
      <c r="M94" s="103" t="s">
        <v>10</v>
      </c>
      <c r="P94" s="5"/>
      <c r="R94" s="77"/>
      <c r="S94" s="77"/>
      <c r="Z94" s="72"/>
      <c r="AA94" s="72"/>
      <c r="AB94" s="72"/>
      <c r="AC94" s="72"/>
      <c r="AD94" s="72"/>
      <c r="AE94" s="72"/>
    </row>
    <row r="95" spans="1:31" ht="12.75" customHeight="1">
      <c r="A95" s="19" t="s">
        <v>11</v>
      </c>
      <c r="B95" s="17"/>
      <c r="C95" s="20" t="s">
        <v>12</v>
      </c>
      <c r="D95" s="16"/>
      <c r="E95" s="21" t="s">
        <v>13</v>
      </c>
      <c r="F95" s="17"/>
      <c r="G95" s="22" t="s">
        <v>14</v>
      </c>
      <c r="H95" s="70"/>
      <c r="I95" s="88" t="s">
        <v>15</v>
      </c>
      <c r="K95" s="22" t="s">
        <v>16</v>
      </c>
      <c r="L95" s="12"/>
      <c r="M95" s="104" t="s">
        <v>17</v>
      </c>
      <c r="P95" s="5"/>
      <c r="R95" s="77"/>
      <c r="S95" s="77"/>
      <c r="Z95" s="72"/>
      <c r="AA95" s="72"/>
      <c r="AB95" s="72"/>
      <c r="AC95" s="72"/>
      <c r="AD95" s="72"/>
      <c r="AE95" s="72"/>
    </row>
    <row r="96" spans="1:31">
      <c r="A96" s="14"/>
      <c r="B96" s="14"/>
      <c r="C96" s="16"/>
      <c r="D96" s="16"/>
      <c r="E96" s="75"/>
      <c r="F96" s="17"/>
      <c r="G96" s="70" t="s">
        <v>18</v>
      </c>
      <c r="H96" s="70"/>
      <c r="I96" s="76" t="s">
        <v>19</v>
      </c>
      <c r="K96" s="23" t="s">
        <v>20</v>
      </c>
      <c r="L96" s="24"/>
      <c r="M96" s="23" t="s">
        <v>21</v>
      </c>
      <c r="P96" s="5"/>
      <c r="R96" s="77"/>
      <c r="S96" s="77"/>
      <c r="Z96" s="72"/>
      <c r="AA96" s="72"/>
      <c r="AB96" s="72"/>
      <c r="AC96" s="72"/>
      <c r="AD96" s="72"/>
      <c r="AE96" s="72"/>
    </row>
    <row r="97" spans="1:31">
      <c r="A97" s="14"/>
      <c r="B97" s="14"/>
      <c r="C97" s="105" t="s">
        <v>53</v>
      </c>
      <c r="D97" s="16"/>
      <c r="E97" s="14"/>
      <c r="G97" s="16"/>
      <c r="I97" s="16"/>
      <c r="K97" s="34"/>
      <c r="L97" s="34"/>
      <c r="M97" s="34"/>
      <c r="N97" s="34"/>
      <c r="O97" s="4"/>
      <c r="P97" s="4"/>
      <c r="R97" s="77"/>
      <c r="S97" s="77"/>
      <c r="Z97" s="72"/>
      <c r="AA97" s="72"/>
      <c r="AB97" s="72"/>
      <c r="AC97" s="72"/>
      <c r="AD97" s="72"/>
      <c r="AE97" s="72"/>
    </row>
    <row r="98" spans="1:31">
      <c r="A98" s="70">
        <f>MAX(A$13:A97)+1</f>
        <v>46</v>
      </c>
      <c r="B98" s="70"/>
      <c r="C98" s="45" t="s">
        <v>23</v>
      </c>
      <c r="D98" s="16"/>
      <c r="E98" s="14" t="s">
        <v>24</v>
      </c>
      <c r="G98" s="27">
        <v>546.96967474977816</v>
      </c>
      <c r="H98" s="34"/>
      <c r="I98" s="27">
        <v>14.749199999999973</v>
      </c>
      <c r="J98" s="34"/>
      <c r="K98" s="59">
        <v>0</v>
      </c>
      <c r="L98" s="34"/>
      <c r="M98" s="27">
        <f t="shared" ref="M98:M99" si="13">G98+I98+K98</f>
        <v>561.71887474977814</v>
      </c>
      <c r="N98" s="34"/>
      <c r="O98" s="4"/>
      <c r="P98" s="4"/>
      <c r="R98" s="77"/>
      <c r="S98" s="77"/>
      <c r="Z98" s="72"/>
      <c r="AA98" s="72"/>
      <c r="AB98" s="72"/>
      <c r="AC98" s="72"/>
      <c r="AD98" s="72"/>
      <c r="AE98" s="72"/>
    </row>
    <row r="99" spans="1:31">
      <c r="A99" s="70">
        <f>MAX(A$13:A98)+1</f>
        <v>47</v>
      </c>
      <c r="B99" s="70"/>
      <c r="C99" s="45" t="s">
        <v>43</v>
      </c>
      <c r="D99" s="16"/>
      <c r="E99" s="14" t="s">
        <v>44</v>
      </c>
      <c r="G99" s="34">
        <v>11.212672899678186</v>
      </c>
      <c r="H99" s="34"/>
      <c r="I99" s="34">
        <v>0.30569999999999986</v>
      </c>
      <c r="J99" s="34"/>
      <c r="K99" s="59">
        <v>0</v>
      </c>
      <c r="L99" s="34"/>
      <c r="M99" s="34">
        <f t="shared" si="13"/>
        <v>11.518372899678186</v>
      </c>
      <c r="N99" s="34"/>
      <c r="O99" s="4"/>
      <c r="P99" s="4"/>
      <c r="R99" s="77"/>
      <c r="S99" s="77"/>
      <c r="Z99" s="72"/>
      <c r="AA99" s="72"/>
      <c r="AB99" s="72"/>
      <c r="AC99" s="72"/>
      <c r="AD99" s="72"/>
      <c r="AE99" s="72"/>
    </row>
    <row r="100" spans="1:31">
      <c r="A100" s="14"/>
      <c r="B100" s="14"/>
      <c r="C100" s="16"/>
      <c r="D100" s="16"/>
      <c r="E100" s="14"/>
      <c r="G100" s="34"/>
      <c r="H100" s="34"/>
      <c r="I100" s="34"/>
      <c r="J100" s="34"/>
      <c r="K100" s="34"/>
      <c r="L100" s="34"/>
      <c r="M100" s="34"/>
      <c r="N100" s="34"/>
      <c r="O100" s="4"/>
      <c r="P100" s="4"/>
      <c r="R100" s="77"/>
      <c r="S100" s="77"/>
      <c r="Z100" s="72"/>
      <c r="AA100" s="72"/>
      <c r="AB100" s="72"/>
      <c r="AC100" s="72"/>
      <c r="AD100" s="72"/>
      <c r="AE100" s="72"/>
    </row>
    <row r="101" spans="1:31">
      <c r="A101" s="14"/>
      <c r="B101" s="14"/>
      <c r="C101" s="106" t="s">
        <v>54</v>
      </c>
      <c r="D101" s="16"/>
      <c r="E101" s="14"/>
      <c r="G101" s="34"/>
      <c r="H101" s="34"/>
      <c r="I101" s="34"/>
      <c r="J101" s="34"/>
      <c r="K101" s="34"/>
      <c r="L101" s="34"/>
      <c r="M101" s="34"/>
      <c r="N101" s="34"/>
      <c r="O101" s="4"/>
      <c r="P101" s="4"/>
      <c r="R101" s="77"/>
      <c r="S101" s="77"/>
      <c r="Z101" s="72"/>
      <c r="AA101" s="72"/>
      <c r="AB101" s="72"/>
      <c r="AC101" s="72"/>
      <c r="AD101" s="72"/>
      <c r="AE101" s="72"/>
    </row>
    <row r="102" spans="1:31">
      <c r="A102" s="70">
        <f>MAX(A$13:A101)+1</f>
        <v>48</v>
      </c>
      <c r="B102" s="14"/>
      <c r="C102" s="16" t="s">
        <v>23</v>
      </c>
      <c r="D102" s="16"/>
      <c r="E102" s="14" t="s">
        <v>24</v>
      </c>
      <c r="G102" s="27">
        <v>125.890540340409</v>
      </c>
      <c r="H102" s="34"/>
      <c r="I102" s="27">
        <v>3.3947000000000003</v>
      </c>
      <c r="J102" s="34"/>
      <c r="K102" s="59">
        <v>0</v>
      </c>
      <c r="L102" s="34"/>
      <c r="M102" s="27">
        <f>G102+I102+K102</f>
        <v>129.28524034040902</v>
      </c>
      <c r="N102" s="34"/>
      <c r="O102" s="4"/>
      <c r="P102" s="4"/>
      <c r="R102" s="77"/>
      <c r="S102" s="77"/>
      <c r="Z102" s="72"/>
      <c r="AA102" s="72"/>
      <c r="AB102" s="72"/>
      <c r="AC102" s="72"/>
      <c r="AD102" s="72"/>
      <c r="AE102" s="72"/>
    </row>
    <row r="103" spans="1:31">
      <c r="A103" s="70"/>
      <c r="B103" s="70"/>
      <c r="C103" s="16" t="s">
        <v>55</v>
      </c>
      <c r="D103" s="16"/>
      <c r="E103" s="16"/>
      <c r="N103" s="34"/>
      <c r="O103" s="4"/>
      <c r="P103" s="4"/>
      <c r="R103" s="77"/>
      <c r="S103" s="77"/>
      <c r="Z103" s="72"/>
      <c r="AA103" s="72"/>
      <c r="AB103" s="72"/>
      <c r="AC103" s="72"/>
      <c r="AD103" s="72"/>
      <c r="AE103" s="72"/>
    </row>
    <row r="104" spans="1:31">
      <c r="A104" s="70"/>
      <c r="B104" s="70"/>
      <c r="C104" s="107" t="s">
        <v>25</v>
      </c>
      <c r="D104" s="16"/>
      <c r="E104" s="14"/>
      <c r="G104" s="27"/>
      <c r="H104" s="34"/>
      <c r="I104" s="27"/>
      <c r="J104" s="34"/>
      <c r="K104" s="34"/>
      <c r="L104" s="34"/>
      <c r="M104" s="27"/>
      <c r="N104" s="34"/>
      <c r="O104" s="4"/>
      <c r="P104" s="4"/>
      <c r="R104" s="77"/>
      <c r="S104" s="77"/>
      <c r="Z104" s="72"/>
      <c r="AA104" s="72"/>
      <c r="AB104" s="72"/>
      <c r="AC104" s="72"/>
      <c r="AD104" s="72"/>
      <c r="AE104" s="72"/>
    </row>
    <row r="105" spans="1:31" ht="15.6">
      <c r="A105" s="70">
        <f>MAX(A$13:A104)+1</f>
        <v>49</v>
      </c>
      <c r="B105" s="70"/>
      <c r="C105" s="107" t="s">
        <v>56</v>
      </c>
      <c r="D105" s="16"/>
      <c r="E105" s="14" t="s">
        <v>27</v>
      </c>
      <c r="G105" s="34">
        <v>8.5935729463908874</v>
      </c>
      <c r="H105" s="34"/>
      <c r="I105" s="34">
        <v>1.5762</v>
      </c>
      <c r="J105" s="34"/>
      <c r="K105" s="31">
        <v>-1.4800000000000001E-2</v>
      </c>
      <c r="L105" s="34"/>
      <c r="M105" s="34">
        <f t="shared" ref="M105:M107" si="14">G105+I105+K105</f>
        <v>10.154972946390888</v>
      </c>
      <c r="N105" s="34"/>
      <c r="O105" s="4"/>
      <c r="P105" s="4"/>
      <c r="R105" s="77"/>
      <c r="S105" s="77"/>
      <c r="Z105" s="72"/>
      <c r="AA105" s="72"/>
      <c r="AB105" s="72"/>
      <c r="AC105" s="72"/>
      <c r="AD105" s="72"/>
      <c r="AE105" s="72"/>
    </row>
    <row r="106" spans="1:31" ht="15.6">
      <c r="A106" s="70">
        <f>MAX(A$13:A105)+1</f>
        <v>50</v>
      </c>
      <c r="B106" s="70"/>
      <c r="C106" s="89" t="s">
        <v>46</v>
      </c>
      <c r="D106" s="16"/>
      <c r="E106" s="14" t="s">
        <v>27</v>
      </c>
      <c r="G106" s="34">
        <v>7.1171790067077838</v>
      </c>
      <c r="H106" s="34"/>
      <c r="I106" s="34">
        <v>1.5362999999999989</v>
      </c>
      <c r="J106" s="34"/>
      <c r="K106" s="31">
        <v>-1.4800000000000001E-2</v>
      </c>
      <c r="L106" s="34"/>
      <c r="M106" s="34">
        <f t="shared" si="14"/>
        <v>8.6386790067077843</v>
      </c>
      <c r="N106" s="34"/>
      <c r="O106" s="4"/>
      <c r="P106" s="4"/>
      <c r="R106" s="77"/>
      <c r="S106" s="77"/>
      <c r="Z106" s="72"/>
      <c r="AA106" s="72"/>
      <c r="AB106" s="72"/>
      <c r="AC106" s="72"/>
      <c r="AD106" s="72"/>
      <c r="AE106" s="72"/>
    </row>
    <row r="107" spans="1:31" ht="15.6">
      <c r="A107" s="70">
        <f>MAX(A$13:A106)+1</f>
        <v>51</v>
      </c>
      <c r="B107" s="70"/>
      <c r="C107" s="89" t="s">
        <v>47</v>
      </c>
      <c r="D107" s="16"/>
      <c r="E107" s="14" t="s">
        <v>27</v>
      </c>
      <c r="G107" s="34">
        <v>6.5320465502377809</v>
      </c>
      <c r="H107" s="34"/>
      <c r="I107" s="34">
        <v>1.5206</v>
      </c>
      <c r="J107" s="34"/>
      <c r="K107" s="31">
        <v>-1.4800000000000001E-2</v>
      </c>
      <c r="L107" s="34"/>
      <c r="M107" s="34">
        <f t="shared" si="14"/>
        <v>8.0378465502377825</v>
      </c>
      <c r="N107" s="34"/>
      <c r="O107" s="4"/>
      <c r="P107" s="4"/>
      <c r="R107" s="77"/>
      <c r="S107" s="77"/>
      <c r="Z107" s="72"/>
      <c r="AA107" s="72"/>
      <c r="AB107" s="72"/>
      <c r="AC107" s="72"/>
      <c r="AD107" s="72"/>
      <c r="AE107" s="72"/>
    </row>
    <row r="108" spans="1:31">
      <c r="A108" s="70"/>
      <c r="B108" s="70"/>
      <c r="C108" s="16"/>
      <c r="D108" s="16"/>
      <c r="E108" s="14"/>
      <c r="G108" s="34"/>
      <c r="H108" s="34"/>
      <c r="I108" s="34"/>
      <c r="J108" s="34"/>
      <c r="K108" s="34"/>
      <c r="L108" s="34"/>
      <c r="M108" s="34"/>
      <c r="N108" s="34"/>
      <c r="O108" s="4"/>
      <c r="P108" s="4"/>
      <c r="R108" s="77"/>
      <c r="S108" s="77"/>
      <c r="Z108" s="72"/>
      <c r="AA108" s="72"/>
      <c r="AB108" s="72"/>
      <c r="AC108" s="72"/>
      <c r="AD108" s="72"/>
      <c r="AE108" s="72"/>
    </row>
    <row r="109" spans="1:31">
      <c r="A109" s="70"/>
      <c r="B109" s="70"/>
      <c r="C109" s="16" t="s">
        <v>57</v>
      </c>
      <c r="D109" s="16"/>
      <c r="E109" s="14"/>
      <c r="G109" s="34"/>
      <c r="H109" s="34"/>
      <c r="I109" s="34"/>
      <c r="J109" s="34"/>
      <c r="K109" s="34"/>
      <c r="L109" s="34"/>
      <c r="M109" s="34"/>
      <c r="N109" s="34"/>
      <c r="O109" s="4"/>
      <c r="P109" s="4"/>
      <c r="R109" s="77"/>
      <c r="S109" s="77"/>
      <c r="Z109" s="72"/>
      <c r="AA109" s="72"/>
      <c r="AB109" s="72"/>
      <c r="AC109" s="72"/>
      <c r="AD109" s="72"/>
      <c r="AE109" s="72"/>
    </row>
    <row r="110" spans="1:31">
      <c r="A110" s="70"/>
      <c r="B110" s="70"/>
      <c r="C110" s="107" t="s">
        <v>25</v>
      </c>
      <c r="D110" s="16"/>
      <c r="E110" s="14"/>
      <c r="G110" s="27"/>
      <c r="H110" s="34"/>
      <c r="I110" s="27"/>
      <c r="J110" s="34"/>
      <c r="K110" s="34"/>
      <c r="L110" s="34"/>
      <c r="M110" s="27"/>
      <c r="N110" s="34"/>
      <c r="O110" s="4"/>
      <c r="P110" s="4"/>
      <c r="R110" s="77"/>
      <c r="S110" s="77"/>
      <c r="Z110" s="72"/>
      <c r="AA110" s="72"/>
      <c r="AB110" s="72"/>
      <c r="AC110" s="72"/>
      <c r="AD110" s="72"/>
      <c r="AE110" s="72"/>
    </row>
    <row r="111" spans="1:31" ht="15.6">
      <c r="A111" s="70">
        <f>MAX(A$13:A110)+1</f>
        <v>52</v>
      </c>
      <c r="B111" s="70"/>
      <c r="C111" s="107" t="s">
        <v>45</v>
      </c>
      <c r="D111" s="16"/>
      <c r="E111" s="14" t="s">
        <v>27</v>
      </c>
      <c r="G111" s="34">
        <v>2.9051200533928294</v>
      </c>
      <c r="H111" s="34"/>
      <c r="I111" s="34">
        <v>1.4227999999999996</v>
      </c>
      <c r="J111" s="34"/>
      <c r="K111" s="31">
        <v>-1.4800000000000001E-2</v>
      </c>
      <c r="L111" s="34"/>
      <c r="M111" s="34">
        <f t="shared" ref="M111:M113" si="15">G111+I111+K111</f>
        <v>4.3131200533928284</v>
      </c>
      <c r="N111" s="34"/>
      <c r="O111" s="4"/>
      <c r="P111" s="4"/>
      <c r="R111" s="77"/>
      <c r="S111" s="77"/>
      <c r="Z111" s="72"/>
      <c r="AA111" s="72"/>
      <c r="AB111" s="72"/>
      <c r="AC111" s="72"/>
      <c r="AD111" s="72"/>
      <c r="AE111" s="72"/>
    </row>
    <row r="112" spans="1:31" ht="15.6">
      <c r="A112" s="70">
        <f>MAX(A$13:A111)+1</f>
        <v>53</v>
      </c>
      <c r="B112" s="70"/>
      <c r="C112" s="89" t="s">
        <v>46</v>
      </c>
      <c r="D112" s="16"/>
      <c r="E112" s="14" t="s">
        <v>27</v>
      </c>
      <c r="G112" s="34">
        <v>2.0698365211130674</v>
      </c>
      <c r="H112" s="34"/>
      <c r="I112" s="34">
        <v>1.4003000000000001</v>
      </c>
      <c r="J112" s="34"/>
      <c r="K112" s="31">
        <v>-1.4800000000000001E-2</v>
      </c>
      <c r="L112" s="34"/>
      <c r="M112" s="34">
        <f t="shared" si="15"/>
        <v>3.4553365211130673</v>
      </c>
      <c r="N112" s="34"/>
      <c r="O112" s="4"/>
      <c r="P112" s="4"/>
      <c r="R112" s="77"/>
      <c r="S112" s="77"/>
      <c r="Z112" s="72"/>
      <c r="AA112" s="72"/>
      <c r="AB112" s="72"/>
      <c r="AC112" s="72"/>
      <c r="AD112" s="72"/>
      <c r="AE112" s="72"/>
    </row>
    <row r="113" spans="1:31" ht="15.6">
      <c r="A113" s="70">
        <f>MAX(A$13:A112)+1</f>
        <v>54</v>
      </c>
      <c r="B113" s="70"/>
      <c r="C113" s="89" t="s">
        <v>47</v>
      </c>
      <c r="D113" s="16"/>
      <c r="E113" s="14" t="s">
        <v>27</v>
      </c>
      <c r="G113" s="34">
        <v>1.8140463248741143</v>
      </c>
      <c r="H113" s="34"/>
      <c r="I113" s="34">
        <v>1.3934000000000002</v>
      </c>
      <c r="J113" s="34"/>
      <c r="K113" s="31">
        <v>-1.4800000000000001E-2</v>
      </c>
      <c r="L113" s="34"/>
      <c r="M113" s="34">
        <f t="shared" si="15"/>
        <v>3.1926463248741141</v>
      </c>
      <c r="N113" s="34"/>
      <c r="O113" s="4"/>
      <c r="P113" s="4"/>
      <c r="R113" s="77"/>
      <c r="S113" s="77"/>
      <c r="Z113" s="72"/>
      <c r="AA113" s="72"/>
      <c r="AB113" s="72"/>
      <c r="AC113" s="72"/>
      <c r="AD113" s="72"/>
      <c r="AE113" s="72"/>
    </row>
    <row r="114" spans="1:31">
      <c r="A114" s="70"/>
      <c r="B114" s="70"/>
      <c r="C114" s="89"/>
      <c r="D114" s="16"/>
      <c r="E114" s="14"/>
      <c r="G114" s="34"/>
      <c r="H114" s="34"/>
      <c r="I114" s="34"/>
      <c r="J114" s="34"/>
      <c r="K114" s="31"/>
      <c r="L114" s="34"/>
      <c r="M114" s="34"/>
      <c r="N114" s="34"/>
      <c r="O114" s="4"/>
      <c r="P114" s="4"/>
      <c r="R114" s="77"/>
      <c r="S114" s="77"/>
      <c r="Z114" s="72"/>
      <c r="AA114" s="72"/>
      <c r="AB114" s="72"/>
      <c r="AC114" s="72"/>
      <c r="AD114" s="72"/>
      <c r="AE114" s="72"/>
    </row>
    <row r="115" spans="1:31">
      <c r="A115" s="70">
        <f>MAX(A$13:A114)+1</f>
        <v>55</v>
      </c>
      <c r="B115" s="70"/>
      <c r="C115" s="15" t="s">
        <v>31</v>
      </c>
      <c r="D115" s="16"/>
      <c r="E115" s="14" t="s">
        <v>27</v>
      </c>
      <c r="G115" s="59">
        <v>0</v>
      </c>
      <c r="H115" s="59"/>
      <c r="I115" s="59">
        <v>0</v>
      </c>
      <c r="J115" s="59"/>
      <c r="K115" s="59">
        <v>0</v>
      </c>
      <c r="L115" s="59"/>
      <c r="M115" s="59">
        <f t="shared" ref="M115:M119" si="16">G115+I115+K115</f>
        <v>0</v>
      </c>
      <c r="N115" s="34"/>
      <c r="O115" s="4"/>
      <c r="P115" s="4"/>
      <c r="R115" s="77"/>
      <c r="S115" s="77"/>
      <c r="Z115" s="72"/>
      <c r="AA115" s="72"/>
      <c r="AB115" s="72"/>
      <c r="AC115" s="72"/>
      <c r="AD115" s="72"/>
      <c r="AE115" s="72"/>
    </row>
    <row r="116" spans="1:31">
      <c r="A116" s="70">
        <f>MAX(A$13:A115)+1</f>
        <v>56</v>
      </c>
      <c r="B116" s="70"/>
      <c r="C116" s="15" t="s">
        <v>32</v>
      </c>
      <c r="D116" s="16"/>
      <c r="E116" s="14" t="s">
        <v>27</v>
      </c>
      <c r="G116" s="34">
        <v>4.4125287440429855</v>
      </c>
      <c r="H116" s="34"/>
      <c r="I116" s="34">
        <v>2.0999999999999908E-3</v>
      </c>
      <c r="J116" s="34"/>
      <c r="K116" s="59">
        <v>0</v>
      </c>
      <c r="L116" s="34"/>
      <c r="M116" s="34">
        <f t="shared" si="16"/>
        <v>4.4146287440429859</v>
      </c>
      <c r="N116" s="34"/>
      <c r="O116" s="4"/>
      <c r="P116" s="4"/>
      <c r="R116" s="77"/>
      <c r="S116" s="77"/>
      <c r="Z116" s="72"/>
      <c r="AA116" s="72"/>
      <c r="AB116" s="72"/>
      <c r="AC116" s="72"/>
      <c r="AD116" s="72"/>
      <c r="AE116" s="72"/>
    </row>
    <row r="117" spans="1:31">
      <c r="A117" s="70">
        <f>MAX(A$13:A116)+1</f>
        <v>57</v>
      </c>
      <c r="B117" s="70"/>
      <c r="C117" s="15" t="s">
        <v>33</v>
      </c>
      <c r="D117" s="16"/>
      <c r="E117" s="14" t="s">
        <v>27</v>
      </c>
      <c r="G117" s="34">
        <v>0.92394969319088249</v>
      </c>
      <c r="H117" s="34"/>
      <c r="I117" s="34">
        <v>1.6100000000000003E-2</v>
      </c>
      <c r="J117" s="34"/>
      <c r="K117" s="59">
        <v>0</v>
      </c>
      <c r="L117" s="34"/>
      <c r="M117" s="34">
        <f t="shared" si="16"/>
        <v>0.9400496931908825</v>
      </c>
      <c r="N117" s="34"/>
      <c r="O117" s="4"/>
      <c r="P117" s="4"/>
      <c r="R117" s="77"/>
      <c r="S117" s="77"/>
      <c r="Z117" s="72"/>
      <c r="AA117" s="72"/>
      <c r="AB117" s="72"/>
      <c r="AC117" s="72"/>
      <c r="AD117" s="72"/>
      <c r="AE117" s="72"/>
    </row>
    <row r="118" spans="1:31">
      <c r="A118" s="70"/>
      <c r="B118" s="70"/>
      <c r="C118" s="15"/>
      <c r="D118" s="16"/>
      <c r="E118" s="14"/>
      <c r="G118" s="34"/>
      <c r="H118" s="34"/>
      <c r="I118" s="34"/>
      <c r="J118" s="34"/>
      <c r="K118" s="59"/>
      <c r="L118" s="34"/>
      <c r="M118" s="34"/>
      <c r="N118" s="34"/>
      <c r="O118" s="4"/>
      <c r="P118" s="4"/>
      <c r="R118" s="77"/>
      <c r="S118" s="77"/>
      <c r="Z118" s="72"/>
      <c r="AA118" s="72"/>
      <c r="AB118" s="72"/>
      <c r="AC118" s="72"/>
      <c r="AD118" s="72"/>
      <c r="AE118" s="72"/>
    </row>
    <row r="119" spans="1:31">
      <c r="A119" s="70">
        <f>MAX(A$13:A117)+1</f>
        <v>58</v>
      </c>
      <c r="B119" s="70"/>
      <c r="C119" s="16" t="s">
        <v>34</v>
      </c>
      <c r="D119" s="16"/>
      <c r="E119" s="14" t="s">
        <v>27</v>
      </c>
      <c r="G119" s="34">
        <v>9.7108565607990229</v>
      </c>
      <c r="H119" s="34"/>
      <c r="I119" s="34">
        <v>1.5000000000000568E-3</v>
      </c>
      <c r="J119" s="34"/>
      <c r="K119" s="59">
        <v>0</v>
      </c>
      <c r="L119" s="34"/>
      <c r="M119" s="34">
        <f t="shared" si="16"/>
        <v>9.712356560799023</v>
      </c>
      <c r="N119" s="34"/>
      <c r="O119" s="4"/>
      <c r="P119" s="4"/>
      <c r="R119" s="77"/>
      <c r="S119" s="77"/>
      <c r="Z119" s="72"/>
      <c r="AA119" s="72"/>
      <c r="AB119" s="72"/>
      <c r="AC119" s="72"/>
      <c r="AD119" s="72"/>
      <c r="AE119" s="72"/>
    </row>
    <row r="120" spans="1:31">
      <c r="A120" s="70"/>
      <c r="B120" s="70"/>
      <c r="C120" s="16"/>
      <c r="D120" s="16"/>
      <c r="E120" s="14"/>
      <c r="G120" s="34"/>
      <c r="H120" s="34"/>
      <c r="I120" s="34"/>
      <c r="J120" s="34"/>
      <c r="K120" s="34"/>
      <c r="L120" s="34"/>
      <c r="M120" s="34"/>
      <c r="N120" s="34"/>
      <c r="O120" s="4"/>
      <c r="P120" s="4"/>
      <c r="R120" s="77"/>
      <c r="S120" s="77"/>
      <c r="Z120" s="72"/>
      <c r="AA120" s="72"/>
      <c r="AB120" s="72"/>
      <c r="AC120" s="72"/>
      <c r="AD120" s="72"/>
      <c r="AE120" s="72"/>
    </row>
    <row r="121" spans="1:31">
      <c r="A121" s="14"/>
      <c r="B121" s="14"/>
      <c r="C121" s="105" t="s">
        <v>58</v>
      </c>
      <c r="D121" s="16"/>
      <c r="E121" s="14"/>
      <c r="G121" s="34"/>
      <c r="H121" s="34"/>
      <c r="I121" s="34"/>
      <c r="J121" s="34"/>
      <c r="K121" s="34"/>
      <c r="L121" s="34"/>
      <c r="M121" s="27"/>
      <c r="N121" s="34"/>
      <c r="O121" s="82"/>
      <c r="P121" s="82"/>
      <c r="Q121" s="82"/>
      <c r="R121" s="77"/>
      <c r="S121" s="77"/>
      <c r="T121" s="72"/>
      <c r="U121" s="72"/>
      <c r="V121" s="72"/>
      <c r="W121" s="72"/>
      <c r="X121" s="72"/>
      <c r="Y121" s="72"/>
      <c r="Z121" s="72"/>
      <c r="AA121" s="72"/>
      <c r="AB121" s="72"/>
      <c r="AC121" s="72"/>
      <c r="AD121" s="72"/>
      <c r="AE121" s="72"/>
    </row>
    <row r="122" spans="1:31">
      <c r="A122" s="70">
        <f>MAX(A$13:A121)+1</f>
        <v>59</v>
      </c>
      <c r="B122" s="70"/>
      <c r="C122" s="16" t="s">
        <v>23</v>
      </c>
      <c r="D122" s="16"/>
      <c r="E122" s="55" t="s">
        <v>24</v>
      </c>
      <c r="G122" s="27">
        <v>134.92647936727528</v>
      </c>
      <c r="H122" s="34"/>
      <c r="I122" s="27">
        <v>3.6382999999999868</v>
      </c>
      <c r="J122" s="34"/>
      <c r="K122" s="34"/>
      <c r="L122" s="34"/>
      <c r="M122" s="27">
        <f t="shared" ref="M122:M123" si="17">G122+I122+K122</f>
        <v>138.56477936727526</v>
      </c>
      <c r="N122" s="34"/>
      <c r="O122" s="4"/>
      <c r="P122" s="4"/>
      <c r="R122" s="77"/>
      <c r="S122" s="77"/>
      <c r="Z122" s="72"/>
      <c r="AA122" s="72"/>
      <c r="AB122" s="72"/>
      <c r="AC122" s="72"/>
      <c r="AD122" s="72"/>
      <c r="AE122" s="72"/>
    </row>
    <row r="123" spans="1:31">
      <c r="A123" s="70">
        <f>MAX(A$13:A122)+1</f>
        <v>60</v>
      </c>
      <c r="B123" s="70"/>
      <c r="C123" s="45" t="s">
        <v>43</v>
      </c>
      <c r="D123" s="16"/>
      <c r="E123" s="14" t="s">
        <v>44</v>
      </c>
      <c r="G123" s="34">
        <v>9.0517208463813486</v>
      </c>
      <c r="H123" s="34"/>
      <c r="I123" s="34">
        <v>0.24409999999999954</v>
      </c>
      <c r="J123" s="34"/>
      <c r="K123" s="59">
        <v>0</v>
      </c>
      <c r="L123" s="34"/>
      <c r="M123" s="34">
        <f t="shared" si="17"/>
        <v>9.2958208463813481</v>
      </c>
      <c r="N123" s="34"/>
      <c r="O123" s="4"/>
      <c r="P123" s="4"/>
      <c r="R123" s="77"/>
      <c r="S123" s="77"/>
      <c r="Z123" s="72"/>
      <c r="AA123" s="72"/>
      <c r="AB123" s="72"/>
      <c r="AC123" s="72"/>
      <c r="AD123" s="72"/>
      <c r="AE123" s="72"/>
    </row>
    <row r="124" spans="1:31">
      <c r="A124" s="70"/>
      <c r="B124" s="70"/>
      <c r="C124" s="45" t="s">
        <v>25</v>
      </c>
      <c r="D124" s="16"/>
      <c r="E124" s="14"/>
      <c r="G124" s="34"/>
      <c r="H124" s="34"/>
      <c r="I124" s="34"/>
      <c r="J124" s="34"/>
      <c r="K124" s="31"/>
      <c r="L124" s="34"/>
      <c r="M124" s="34"/>
      <c r="N124" s="34"/>
      <c r="O124" s="4"/>
      <c r="P124" s="4"/>
      <c r="R124" s="77"/>
      <c r="S124" s="77"/>
      <c r="Z124" s="72"/>
      <c r="AA124" s="72"/>
      <c r="AB124" s="72"/>
      <c r="AC124" s="72"/>
      <c r="AD124" s="72"/>
      <c r="AE124" s="72"/>
    </row>
    <row r="125" spans="1:31" ht="15.6">
      <c r="A125" s="70">
        <f>MAX(A$13:A124)+1</f>
        <v>61</v>
      </c>
      <c r="B125" s="70"/>
      <c r="C125" s="45" t="s">
        <v>45</v>
      </c>
      <c r="D125" s="16"/>
      <c r="E125" s="14" t="s">
        <v>27</v>
      </c>
      <c r="G125" s="34">
        <v>7.361774398626137</v>
      </c>
      <c r="H125" s="34"/>
      <c r="I125" s="31">
        <v>-5.0675000000000008</v>
      </c>
      <c r="J125" s="34"/>
      <c r="K125" s="31">
        <v>-1.7899999999999999E-2</v>
      </c>
      <c r="L125" s="34"/>
      <c r="M125" s="34">
        <f t="shared" ref="M125:M127" si="18">G125+I125+K125</f>
        <v>2.2763743986261362</v>
      </c>
      <c r="N125" s="34"/>
      <c r="O125" s="4"/>
      <c r="P125" s="4"/>
      <c r="R125" s="77"/>
      <c r="S125" s="77"/>
      <c r="Z125" s="72"/>
      <c r="AA125" s="72"/>
      <c r="AB125" s="72"/>
      <c r="AC125" s="72"/>
      <c r="AD125" s="72"/>
      <c r="AE125" s="72"/>
    </row>
    <row r="126" spans="1:31" ht="15.6">
      <c r="A126" s="70">
        <f>MAX(A$13:A125)+1</f>
        <v>62</v>
      </c>
      <c r="B126" s="70"/>
      <c r="C126" s="15" t="s">
        <v>46</v>
      </c>
      <c r="D126" s="16"/>
      <c r="E126" s="14" t="s">
        <v>27</v>
      </c>
      <c r="G126" s="34">
        <v>5.9875452991923241</v>
      </c>
      <c r="H126" s="34"/>
      <c r="I126" s="31">
        <v>-3.6934000000000005</v>
      </c>
      <c r="J126" s="34"/>
      <c r="K126" s="31">
        <v>-1.7899999999999999E-2</v>
      </c>
      <c r="L126" s="34"/>
      <c r="M126" s="34">
        <f t="shared" si="18"/>
        <v>2.2762452991923237</v>
      </c>
      <c r="N126" s="34"/>
      <c r="O126" s="4"/>
      <c r="P126" s="4"/>
      <c r="R126" s="77"/>
      <c r="S126" s="77"/>
      <c r="Z126" s="72"/>
      <c r="AA126" s="72"/>
      <c r="AB126" s="72"/>
      <c r="AC126" s="72"/>
      <c r="AD126" s="72"/>
      <c r="AE126" s="72"/>
    </row>
    <row r="127" spans="1:31" ht="15.6">
      <c r="A127" s="70">
        <f>MAX(A$13:A126)+1</f>
        <v>63</v>
      </c>
      <c r="B127" s="70"/>
      <c r="C127" s="15" t="s">
        <v>47</v>
      </c>
      <c r="D127" s="16"/>
      <c r="E127" s="14" t="s">
        <v>27</v>
      </c>
      <c r="G127" s="34">
        <v>5.4220723163920885</v>
      </c>
      <c r="H127" s="34"/>
      <c r="I127" s="31">
        <v>-3.1279000000000003</v>
      </c>
      <c r="J127" s="34"/>
      <c r="K127" s="31">
        <v>-1.7899999999999999E-2</v>
      </c>
      <c r="L127" s="34"/>
      <c r="M127" s="31">
        <f t="shared" si="18"/>
        <v>2.2762723163920882</v>
      </c>
      <c r="N127" s="34"/>
      <c r="O127" s="4"/>
      <c r="P127" s="4"/>
      <c r="R127" s="77"/>
      <c r="S127" s="77"/>
      <c r="Z127" s="72"/>
      <c r="AA127" s="72"/>
      <c r="AB127" s="72"/>
      <c r="AC127" s="72"/>
      <c r="AD127" s="72"/>
      <c r="AE127" s="72"/>
    </row>
    <row r="128" spans="1:31">
      <c r="A128" s="70"/>
      <c r="B128" s="70"/>
      <c r="C128" s="16"/>
      <c r="D128" s="16"/>
      <c r="E128" s="14"/>
      <c r="G128" s="34"/>
      <c r="H128" s="34"/>
      <c r="I128" s="34"/>
      <c r="J128" s="34"/>
      <c r="K128" s="34"/>
      <c r="L128" s="34"/>
      <c r="M128" s="34"/>
      <c r="N128" s="34"/>
      <c r="O128" s="4"/>
      <c r="P128" s="4"/>
      <c r="R128" s="77"/>
      <c r="S128" s="77"/>
      <c r="Z128" s="72"/>
      <c r="AA128" s="72"/>
      <c r="AB128" s="72"/>
      <c r="AC128" s="72"/>
      <c r="AD128" s="72"/>
      <c r="AE128" s="72"/>
    </row>
    <row r="129" spans="1:31">
      <c r="A129" s="70">
        <f>MAX(A$13:A127)+1</f>
        <v>64</v>
      </c>
      <c r="B129" s="70"/>
      <c r="C129" s="15" t="s">
        <v>31</v>
      </c>
      <c r="D129" s="16"/>
      <c r="E129" s="14" t="s">
        <v>27</v>
      </c>
      <c r="G129" s="34">
        <v>0.67524698898366342</v>
      </c>
      <c r="H129" s="34"/>
      <c r="I129" s="31">
        <v>3.8000000000000256E-3</v>
      </c>
      <c r="J129" s="34"/>
      <c r="K129" s="31">
        <v>-7.4999999999999997E-3</v>
      </c>
      <c r="L129" s="34"/>
      <c r="M129" s="34">
        <f t="shared" ref="M129:M133" si="19">G129+I129+K129</f>
        <v>0.6715469889836635</v>
      </c>
      <c r="N129" s="34"/>
      <c r="O129" s="4"/>
      <c r="P129" s="4"/>
      <c r="R129" s="77"/>
      <c r="S129" s="77"/>
      <c r="Z129" s="72"/>
      <c r="AA129" s="72"/>
      <c r="AB129" s="72"/>
      <c r="AC129" s="72"/>
      <c r="AD129" s="72"/>
      <c r="AE129" s="72"/>
    </row>
    <row r="130" spans="1:31">
      <c r="A130" s="70">
        <f>MAX(A$13:A129)+1</f>
        <v>65</v>
      </c>
      <c r="B130" s="70"/>
      <c r="C130" s="15" t="s">
        <v>32</v>
      </c>
      <c r="D130" s="16"/>
      <c r="E130" s="14" t="s">
        <v>27</v>
      </c>
      <c r="G130" s="34">
        <v>4.4125298796312045</v>
      </c>
      <c r="H130" s="34"/>
      <c r="I130" s="34">
        <v>2.0999999999999908E-3</v>
      </c>
      <c r="J130" s="34"/>
      <c r="K130" s="59">
        <v>0</v>
      </c>
      <c r="L130" s="34"/>
      <c r="M130" s="34">
        <f t="shared" si="19"/>
        <v>4.4146298796312049</v>
      </c>
      <c r="N130" s="34"/>
      <c r="O130" s="4"/>
      <c r="P130" s="4"/>
      <c r="R130" s="77"/>
      <c r="S130" s="77"/>
      <c r="Z130" s="72"/>
      <c r="AA130" s="72"/>
      <c r="AB130" s="72"/>
      <c r="AC130" s="72"/>
      <c r="AD130" s="72"/>
      <c r="AE130" s="72"/>
    </row>
    <row r="131" spans="1:31">
      <c r="A131" s="70">
        <f>MAX(A$13:A130)+1</f>
        <v>66</v>
      </c>
      <c r="B131" s="70"/>
      <c r="C131" s="15" t="s">
        <v>33</v>
      </c>
      <c r="D131" s="16"/>
      <c r="E131" s="14" t="s">
        <v>27</v>
      </c>
      <c r="G131" s="34">
        <v>0.92394801255208914</v>
      </c>
      <c r="H131" s="34"/>
      <c r="I131" s="34">
        <v>1.6100000000000003E-2</v>
      </c>
      <c r="J131" s="34"/>
      <c r="K131" s="59">
        <v>0</v>
      </c>
      <c r="L131" s="34"/>
      <c r="M131" s="34">
        <f t="shared" si="19"/>
        <v>0.94004801255208914</v>
      </c>
      <c r="N131" s="34"/>
      <c r="O131" s="4"/>
      <c r="P131" s="4"/>
      <c r="R131" s="77"/>
      <c r="S131" s="77"/>
      <c r="Z131" s="72"/>
      <c r="AA131" s="72"/>
      <c r="AB131" s="72"/>
      <c r="AC131" s="72"/>
      <c r="AD131" s="72"/>
      <c r="AE131" s="72"/>
    </row>
    <row r="132" spans="1:31">
      <c r="A132" s="70"/>
      <c r="B132" s="70"/>
      <c r="C132" s="15"/>
      <c r="D132" s="16"/>
      <c r="E132" s="14"/>
      <c r="G132" s="34"/>
      <c r="H132" s="34"/>
      <c r="I132" s="34"/>
      <c r="J132" s="34"/>
      <c r="K132" s="59"/>
      <c r="L132" s="34"/>
      <c r="M132" s="34"/>
      <c r="N132" s="34"/>
      <c r="O132" s="4"/>
      <c r="P132" s="4"/>
      <c r="R132" s="77"/>
      <c r="S132" s="77"/>
      <c r="Z132" s="72"/>
      <c r="AA132" s="72"/>
      <c r="AB132" s="72"/>
      <c r="AC132" s="72"/>
      <c r="AD132" s="72"/>
      <c r="AE132" s="72"/>
    </row>
    <row r="133" spans="1:31">
      <c r="A133" s="70">
        <f>MAX(A$13:A131)+1</f>
        <v>67</v>
      </c>
      <c r="B133" s="70"/>
      <c r="C133" s="16" t="s">
        <v>34</v>
      </c>
      <c r="D133" s="16"/>
      <c r="E133" s="14" t="s">
        <v>27</v>
      </c>
      <c r="G133" s="34">
        <v>9.7071355644908497</v>
      </c>
      <c r="H133" s="34"/>
      <c r="I133" s="34">
        <v>1.300000000000523E-3</v>
      </c>
      <c r="J133" s="34"/>
      <c r="K133" s="59">
        <v>0</v>
      </c>
      <c r="L133" s="34"/>
      <c r="M133" s="34">
        <f t="shared" si="19"/>
        <v>9.7084355644908502</v>
      </c>
      <c r="N133" s="34"/>
      <c r="O133" s="4"/>
      <c r="P133" s="4"/>
      <c r="R133" s="77"/>
      <c r="S133" s="77"/>
      <c r="Z133" s="72"/>
      <c r="AA133" s="72"/>
      <c r="AB133" s="72"/>
      <c r="AC133" s="72"/>
      <c r="AD133" s="72"/>
      <c r="AE133" s="72"/>
    </row>
    <row r="134" spans="1:31">
      <c r="A134" s="14"/>
      <c r="B134" s="14"/>
      <c r="C134" s="16"/>
      <c r="D134" s="16"/>
      <c r="E134" s="14"/>
      <c r="G134" s="16"/>
      <c r="I134" s="16"/>
      <c r="K134" s="34"/>
      <c r="L134" s="34"/>
      <c r="M134" s="34"/>
      <c r="N134" s="34"/>
      <c r="O134" s="4"/>
      <c r="P134" s="4"/>
      <c r="R134" s="77"/>
      <c r="S134" s="77"/>
      <c r="Z134" s="72"/>
      <c r="AA134" s="72"/>
      <c r="AB134" s="72"/>
      <c r="AC134" s="72"/>
      <c r="AD134" s="72"/>
      <c r="AE134" s="72"/>
    </row>
    <row r="135" spans="1:31">
      <c r="A135" s="14"/>
      <c r="B135" s="14"/>
      <c r="C135" s="105" t="s">
        <v>59</v>
      </c>
      <c r="D135" s="16"/>
      <c r="E135" s="14"/>
      <c r="G135" s="16"/>
      <c r="I135" s="16"/>
      <c r="K135" s="34"/>
      <c r="L135" s="34"/>
      <c r="M135" s="34"/>
      <c r="N135" s="34"/>
      <c r="O135" s="4"/>
      <c r="P135" s="4"/>
      <c r="R135" s="77"/>
      <c r="S135" s="77"/>
      <c r="Z135" s="72"/>
      <c r="AA135" s="72"/>
      <c r="AB135" s="72"/>
      <c r="AC135" s="72"/>
      <c r="AD135" s="72"/>
      <c r="AE135" s="72"/>
    </row>
    <row r="136" spans="1:31">
      <c r="A136" s="70">
        <f>MAX(A$13:A135)+1</f>
        <v>68</v>
      </c>
      <c r="B136" s="70"/>
      <c r="C136" s="16" t="s">
        <v>23</v>
      </c>
      <c r="D136" s="16"/>
      <c r="E136" s="55" t="s">
        <v>24</v>
      </c>
      <c r="G136" s="27">
        <v>305.5481997087212</v>
      </c>
      <c r="H136" s="34"/>
      <c r="I136" s="27">
        <v>8.2391999999999825</v>
      </c>
      <c r="J136" s="34"/>
      <c r="K136" s="59">
        <v>0</v>
      </c>
      <c r="L136" s="34"/>
      <c r="M136" s="27">
        <f t="shared" ref="M136:M137" si="20">G136+I136+K136</f>
        <v>313.78739970872118</v>
      </c>
      <c r="N136" s="34"/>
      <c r="O136" s="4"/>
      <c r="P136" s="4"/>
      <c r="R136" s="77"/>
      <c r="S136" s="77"/>
      <c r="Z136" s="72"/>
      <c r="AA136" s="72"/>
      <c r="AB136" s="72"/>
      <c r="AC136" s="72"/>
      <c r="AD136" s="72"/>
      <c r="AE136" s="72"/>
    </row>
    <row r="137" spans="1:31">
      <c r="A137" s="70">
        <f>MAX(A$13:A136)+1</f>
        <v>69</v>
      </c>
      <c r="B137" s="70"/>
      <c r="C137" s="45" t="s">
        <v>43</v>
      </c>
      <c r="D137" s="16"/>
      <c r="E137" s="14" t="s">
        <v>44</v>
      </c>
      <c r="G137" s="34">
        <v>4.4945119394531865</v>
      </c>
      <c r="H137" s="34"/>
      <c r="I137" s="34">
        <v>0.12119999999999997</v>
      </c>
      <c r="J137" s="34"/>
      <c r="K137" s="59">
        <v>0</v>
      </c>
      <c r="L137" s="34"/>
      <c r="M137" s="34">
        <f t="shared" si="20"/>
        <v>4.6157119394531865</v>
      </c>
      <c r="N137" s="34"/>
      <c r="O137" s="4"/>
      <c r="P137" s="4"/>
      <c r="R137" s="77"/>
      <c r="S137" s="77"/>
      <c r="Z137" s="72"/>
      <c r="AA137" s="72"/>
      <c r="AB137" s="72"/>
      <c r="AC137" s="72"/>
      <c r="AD137" s="72"/>
      <c r="AE137" s="72"/>
    </row>
    <row r="138" spans="1:31">
      <c r="A138" s="70"/>
      <c r="B138" s="70"/>
      <c r="C138" s="45" t="s">
        <v>25</v>
      </c>
      <c r="D138" s="16"/>
      <c r="E138" s="14"/>
      <c r="G138" s="34"/>
      <c r="H138" s="34"/>
      <c r="I138" s="34"/>
      <c r="J138" s="34"/>
      <c r="K138" s="34"/>
      <c r="L138" s="34"/>
      <c r="M138" s="34"/>
      <c r="N138" s="34"/>
      <c r="O138" s="4"/>
      <c r="P138" s="4"/>
      <c r="R138" s="77"/>
      <c r="S138" s="77"/>
      <c r="Z138" s="72"/>
      <c r="AA138" s="72"/>
      <c r="AB138" s="72"/>
      <c r="AC138" s="72"/>
      <c r="AD138" s="72"/>
      <c r="AE138" s="72"/>
    </row>
    <row r="139" spans="1:31" ht="15.6">
      <c r="A139" s="70">
        <f>MAX(A$13:A138)+1</f>
        <v>70</v>
      </c>
      <c r="B139" s="70"/>
      <c r="C139" s="45" t="s">
        <v>49</v>
      </c>
      <c r="D139" s="16"/>
      <c r="E139" s="14" t="s">
        <v>27</v>
      </c>
      <c r="G139" s="34">
        <v>0.48133995297373294</v>
      </c>
      <c r="H139" s="34"/>
      <c r="I139" s="31">
        <v>-0.15619999999999995</v>
      </c>
      <c r="J139" s="34"/>
      <c r="K139" s="31">
        <v>-1.6199999999999999E-2</v>
      </c>
      <c r="L139" s="34"/>
      <c r="M139" s="34">
        <f t="shared" ref="M139:M140" si="21">G139+I139+K139</f>
        <v>0.308939952973733</v>
      </c>
      <c r="N139" s="34"/>
      <c r="O139" s="4"/>
      <c r="P139" s="4"/>
      <c r="R139" s="77"/>
      <c r="S139" s="77"/>
      <c r="Z139" s="72"/>
      <c r="AA139" s="72"/>
      <c r="AB139" s="72"/>
      <c r="AC139" s="72"/>
      <c r="AD139" s="72"/>
      <c r="AE139" s="72"/>
    </row>
    <row r="140" spans="1:31" ht="15.6">
      <c r="A140" s="70">
        <f>MAX(A$13:A139)+1</f>
        <v>71</v>
      </c>
      <c r="B140" s="70"/>
      <c r="C140" s="42" t="s">
        <v>50</v>
      </c>
      <c r="D140" s="16"/>
      <c r="E140" s="14" t="s">
        <v>27</v>
      </c>
      <c r="G140" s="34">
        <v>0.27730781672169469</v>
      </c>
      <c r="H140" s="34"/>
      <c r="I140" s="31">
        <v>4.7800000000000009E-2</v>
      </c>
      <c r="J140" s="34"/>
      <c r="K140" s="31">
        <v>-1.6199999999999999E-2</v>
      </c>
      <c r="L140" s="34"/>
      <c r="M140" s="34">
        <f t="shared" si="21"/>
        <v>0.30890781672169471</v>
      </c>
      <c r="N140" s="34"/>
      <c r="O140" s="4"/>
      <c r="P140" s="4"/>
      <c r="R140" s="77"/>
      <c r="S140" s="77"/>
      <c r="Z140" s="72"/>
      <c r="AA140" s="72"/>
      <c r="AB140" s="72"/>
      <c r="AC140" s="72"/>
      <c r="AD140" s="72"/>
      <c r="AE140" s="72"/>
    </row>
    <row r="141" spans="1:31">
      <c r="A141" s="70"/>
      <c r="B141" s="70"/>
      <c r="C141" s="16"/>
      <c r="D141" s="16"/>
      <c r="E141" s="14"/>
      <c r="G141" s="34"/>
      <c r="H141" s="34"/>
      <c r="I141" s="34"/>
      <c r="J141" s="34"/>
      <c r="K141" s="34"/>
      <c r="L141" s="34"/>
      <c r="M141" s="34"/>
      <c r="N141" s="34"/>
      <c r="O141" s="4"/>
      <c r="P141" s="4"/>
      <c r="R141" s="77"/>
      <c r="S141" s="77"/>
      <c r="Z141" s="72"/>
      <c r="AA141" s="72"/>
      <c r="AB141" s="72"/>
      <c r="AC141" s="72"/>
      <c r="AD141" s="72"/>
      <c r="AE141" s="72"/>
    </row>
    <row r="142" spans="1:31">
      <c r="A142" s="70">
        <f>MAX(A$13:A140)+1</f>
        <v>72</v>
      </c>
      <c r="B142" s="70"/>
      <c r="C142" s="15" t="s">
        <v>31</v>
      </c>
      <c r="D142" s="16"/>
      <c r="E142" s="14" t="s">
        <v>27</v>
      </c>
      <c r="G142" s="34">
        <v>0.29486593205448058</v>
      </c>
      <c r="H142" s="34"/>
      <c r="I142" s="34">
        <v>1.7000000000000071E-3</v>
      </c>
      <c r="J142" s="34"/>
      <c r="K142" s="31">
        <v>-3.3E-3</v>
      </c>
      <c r="L142" s="34"/>
      <c r="M142" s="34">
        <f t="shared" ref="M142:M146" si="22">G142+I142+K142</f>
        <v>0.29326593205448054</v>
      </c>
      <c r="N142" s="34"/>
      <c r="O142" s="4"/>
      <c r="P142" s="4"/>
      <c r="R142" s="77"/>
      <c r="S142" s="77"/>
      <c r="Z142" s="72"/>
      <c r="AA142" s="72"/>
      <c r="AB142" s="82"/>
      <c r="AC142" s="72"/>
      <c r="AD142" s="72"/>
      <c r="AE142" s="72"/>
    </row>
    <row r="143" spans="1:31">
      <c r="A143" s="70">
        <f>MAX(A$13:A142)+1</f>
        <v>73</v>
      </c>
      <c r="B143" s="70"/>
      <c r="C143" s="15" t="s">
        <v>32</v>
      </c>
      <c r="D143" s="16"/>
      <c r="E143" s="14" t="s">
        <v>27</v>
      </c>
      <c r="G143" s="34">
        <v>4.4125286326604627</v>
      </c>
      <c r="H143" s="34"/>
      <c r="I143" s="34">
        <v>2.0999999999999908E-3</v>
      </c>
      <c r="J143" s="34"/>
      <c r="K143" s="59">
        <v>0</v>
      </c>
      <c r="L143" s="34"/>
      <c r="M143" s="34">
        <f t="shared" si="22"/>
        <v>4.4146286326604631</v>
      </c>
      <c r="N143" s="34"/>
      <c r="O143" s="4"/>
      <c r="P143" s="4"/>
      <c r="R143" s="77"/>
      <c r="S143" s="77"/>
      <c r="Z143" s="72"/>
      <c r="AA143" s="72"/>
      <c r="AB143" s="82"/>
      <c r="AC143" s="72"/>
      <c r="AD143" s="72"/>
      <c r="AE143" s="72"/>
    </row>
    <row r="144" spans="1:31">
      <c r="A144" s="70">
        <f>MAX(A$13:A143)+1</f>
        <v>74</v>
      </c>
      <c r="B144" s="70"/>
      <c r="C144" s="15" t="s">
        <v>33</v>
      </c>
      <c r="D144" s="16"/>
      <c r="E144" s="14" t="s">
        <v>27</v>
      </c>
      <c r="G144" s="34">
        <v>0.92394859000083662</v>
      </c>
      <c r="H144" s="34"/>
      <c r="I144" s="34">
        <v>1.6100000000000003E-2</v>
      </c>
      <c r="J144" s="34"/>
      <c r="K144" s="59">
        <v>0</v>
      </c>
      <c r="L144" s="34"/>
      <c r="M144" s="34">
        <f t="shared" si="22"/>
        <v>0.94004859000083663</v>
      </c>
      <c r="N144" s="34"/>
      <c r="O144" s="4"/>
      <c r="P144" s="4"/>
      <c r="R144" s="77"/>
      <c r="S144" s="77"/>
      <c r="Z144" s="72"/>
      <c r="AA144" s="72"/>
      <c r="AB144" s="72"/>
      <c r="AC144" s="72"/>
      <c r="AD144" s="72"/>
      <c r="AE144" s="72"/>
    </row>
    <row r="145" spans="1:31">
      <c r="A145" s="70"/>
      <c r="B145" s="70"/>
      <c r="C145" s="15"/>
      <c r="D145" s="16"/>
      <c r="E145" s="14"/>
      <c r="G145" s="34"/>
      <c r="H145" s="34"/>
      <c r="I145" s="34"/>
      <c r="J145" s="34"/>
      <c r="K145" s="59"/>
      <c r="L145" s="34"/>
      <c r="M145" s="34"/>
      <c r="N145" s="34"/>
      <c r="O145" s="4"/>
      <c r="P145" s="4"/>
      <c r="R145" s="77"/>
      <c r="S145" s="77"/>
      <c r="Z145" s="72"/>
      <c r="AA145" s="72"/>
      <c r="AB145" s="72"/>
      <c r="AC145" s="72"/>
      <c r="AD145" s="72"/>
      <c r="AE145" s="72"/>
    </row>
    <row r="146" spans="1:31">
      <c r="A146" s="70">
        <f>MAX(A$13:A144)+1</f>
        <v>75</v>
      </c>
      <c r="B146" s="70"/>
      <c r="C146" s="16" t="s">
        <v>34</v>
      </c>
      <c r="D146" s="16"/>
      <c r="E146" s="14" t="s">
        <v>27</v>
      </c>
      <c r="G146" s="34">
        <v>9.7031944332509514</v>
      </c>
      <c r="H146" s="34"/>
      <c r="I146" s="34">
        <v>1.2999999999969702E-3</v>
      </c>
      <c r="J146" s="34"/>
      <c r="K146" s="59">
        <v>0</v>
      </c>
      <c r="L146" s="34"/>
      <c r="M146" s="34">
        <f t="shared" si="22"/>
        <v>9.7044944332509484</v>
      </c>
      <c r="N146" s="34"/>
      <c r="O146" s="4"/>
      <c r="P146" s="4"/>
      <c r="R146" s="77"/>
      <c r="S146" s="77"/>
      <c r="Z146" s="72"/>
      <c r="AA146" s="72"/>
      <c r="AB146" s="72"/>
      <c r="AC146" s="72"/>
      <c r="AD146" s="72"/>
      <c r="AE146" s="72"/>
    </row>
    <row r="147" spans="1:31">
      <c r="A147" s="14"/>
      <c r="B147" s="14"/>
      <c r="C147" s="16"/>
      <c r="D147" s="16"/>
      <c r="E147" s="14"/>
      <c r="G147" s="16"/>
      <c r="I147" s="16"/>
      <c r="K147" s="47"/>
      <c r="L147" s="47"/>
      <c r="M147" s="47"/>
      <c r="R147" s="77"/>
      <c r="S147" s="77"/>
      <c r="Z147" s="72"/>
      <c r="AA147" s="72"/>
      <c r="AB147" s="72"/>
      <c r="AC147" s="72"/>
      <c r="AD147" s="72"/>
      <c r="AE147" s="72"/>
    </row>
    <row r="148" spans="1:31">
      <c r="A148" s="14"/>
      <c r="B148" s="14"/>
      <c r="C148" s="105" t="s">
        <v>60</v>
      </c>
      <c r="D148" s="16"/>
      <c r="E148" s="14"/>
      <c r="G148" s="16"/>
      <c r="I148" s="16"/>
      <c r="K148" s="47"/>
      <c r="L148" s="47"/>
      <c r="M148" s="47"/>
      <c r="R148" s="77"/>
      <c r="S148" s="77"/>
      <c r="Z148" s="72"/>
      <c r="AA148" s="72"/>
      <c r="AB148" s="72"/>
      <c r="AC148" s="72"/>
      <c r="AD148" s="72"/>
      <c r="AE148" s="72"/>
    </row>
    <row r="149" spans="1:31">
      <c r="A149" s="70">
        <f>MAX(A$13:A148)+1</f>
        <v>76</v>
      </c>
      <c r="B149" s="70"/>
      <c r="C149" s="16" t="s">
        <v>23</v>
      </c>
      <c r="D149" s="16"/>
      <c r="E149" s="14" t="s">
        <v>24</v>
      </c>
      <c r="G149" s="27">
        <v>2000</v>
      </c>
      <c r="H149" s="34"/>
      <c r="I149" s="27">
        <v>0</v>
      </c>
      <c r="J149" s="34"/>
      <c r="K149" s="59">
        <v>0</v>
      </c>
      <c r="L149" s="34"/>
      <c r="M149" s="27">
        <f t="shared" ref="M149:M151" si="23">G149+I149+K149</f>
        <v>2000</v>
      </c>
      <c r="N149" s="34"/>
      <c r="O149" s="4"/>
      <c r="P149" s="4"/>
      <c r="R149" s="77"/>
      <c r="S149" s="77"/>
      <c r="Z149" s="72"/>
      <c r="AA149" s="72"/>
      <c r="AB149" s="72"/>
      <c r="AC149" s="72"/>
      <c r="AD149" s="72"/>
      <c r="AE149" s="72"/>
    </row>
    <row r="150" spans="1:31">
      <c r="A150" s="70">
        <f>MAX(A$13:A149)+1</f>
        <v>77</v>
      </c>
      <c r="B150" s="70"/>
      <c r="C150" s="45" t="s">
        <v>43</v>
      </c>
      <c r="D150" s="16"/>
      <c r="E150" s="14" t="s">
        <v>44</v>
      </c>
      <c r="G150" s="34">
        <v>16.259208437643476</v>
      </c>
      <c r="H150" s="34"/>
      <c r="I150" s="34">
        <v>0.43840000000000146</v>
      </c>
      <c r="J150" s="34"/>
      <c r="K150" s="34"/>
      <c r="L150" s="34"/>
      <c r="M150" s="34">
        <f t="shared" si="23"/>
        <v>16.697608437643478</v>
      </c>
      <c r="N150" s="34"/>
      <c r="O150" s="4"/>
      <c r="P150" s="4"/>
      <c r="R150" s="77"/>
      <c r="S150" s="77"/>
      <c r="Z150" s="72"/>
      <c r="AA150" s="72"/>
      <c r="AB150" s="72"/>
      <c r="AC150" s="72"/>
      <c r="AD150" s="72"/>
      <c r="AE150" s="72"/>
    </row>
    <row r="151" spans="1:31">
      <c r="A151" s="70">
        <f>MAX(A$13:A150)+1</f>
        <v>78</v>
      </c>
      <c r="B151" s="70"/>
      <c r="C151" s="45" t="s">
        <v>25</v>
      </c>
      <c r="D151" s="16"/>
      <c r="E151" s="14" t="s">
        <v>27</v>
      </c>
      <c r="G151" s="34">
        <v>1.2236443326911868</v>
      </c>
      <c r="H151" s="34"/>
      <c r="I151" s="34">
        <v>3.0399999999999983E-2</v>
      </c>
      <c r="J151" s="34"/>
      <c r="K151" s="31">
        <v>-2.2200000000000001E-2</v>
      </c>
      <c r="L151" s="34"/>
      <c r="M151" s="34">
        <f t="shared" si="23"/>
        <v>1.2318443326911868</v>
      </c>
      <c r="N151" s="34"/>
      <c r="O151" s="4"/>
      <c r="P151" s="4"/>
      <c r="R151" s="77"/>
      <c r="S151" s="77"/>
      <c r="Z151" s="72"/>
      <c r="AA151" s="72"/>
      <c r="AB151" s="72"/>
      <c r="AC151" s="72"/>
      <c r="AD151" s="72"/>
      <c r="AE151" s="72"/>
    </row>
    <row r="152" spans="1:31">
      <c r="A152" s="70"/>
      <c r="B152" s="70"/>
      <c r="C152" s="16"/>
      <c r="D152" s="16"/>
      <c r="E152" s="14"/>
      <c r="G152" s="34"/>
      <c r="H152" s="34"/>
      <c r="I152" s="34"/>
      <c r="J152" s="34"/>
      <c r="K152" s="34"/>
      <c r="L152" s="34"/>
      <c r="M152" s="34"/>
      <c r="N152" s="34"/>
      <c r="O152" s="4"/>
      <c r="P152" s="4"/>
      <c r="R152" s="77"/>
      <c r="S152" s="77"/>
      <c r="Z152" s="72"/>
      <c r="AA152" s="72"/>
      <c r="AB152" s="72"/>
      <c r="AC152" s="72"/>
      <c r="AD152" s="72"/>
      <c r="AE152" s="72"/>
    </row>
    <row r="153" spans="1:31">
      <c r="A153" s="70">
        <f>MAX(A$13:A151)+1</f>
        <v>79</v>
      </c>
      <c r="B153" s="70"/>
      <c r="C153" s="15" t="s">
        <v>31</v>
      </c>
      <c r="D153" s="16"/>
      <c r="E153" s="14" t="s">
        <v>27</v>
      </c>
      <c r="G153" s="34">
        <v>1.3677518488356926</v>
      </c>
      <c r="H153" s="34"/>
      <c r="I153" s="31">
        <v>7.9000000000000181E-3</v>
      </c>
      <c r="J153" s="34"/>
      <c r="K153" s="31">
        <v>-1.43E-2</v>
      </c>
      <c r="L153" s="34"/>
      <c r="M153" s="34">
        <f t="shared" ref="M153:M157" si="24">G153+I153+K153</f>
        <v>1.3613518488356926</v>
      </c>
      <c r="N153" s="34"/>
      <c r="O153" s="4"/>
      <c r="P153" s="4"/>
      <c r="R153" s="77"/>
      <c r="S153" s="77"/>
      <c r="T153" s="77"/>
      <c r="Z153" s="72"/>
      <c r="AA153" s="72"/>
      <c r="AB153" s="72"/>
      <c r="AC153" s="72"/>
      <c r="AD153" s="72"/>
      <c r="AE153" s="72"/>
    </row>
    <row r="154" spans="1:31">
      <c r="A154" s="70">
        <f>MAX(A$13:A153)+1</f>
        <v>80</v>
      </c>
      <c r="B154" s="70"/>
      <c r="C154" s="15" t="s">
        <v>32</v>
      </c>
      <c r="D154" s="16"/>
      <c r="E154" s="14" t="s">
        <v>27</v>
      </c>
      <c r="G154" s="34">
        <v>4.4125284198818955</v>
      </c>
      <c r="H154" s="34"/>
      <c r="I154" s="34">
        <v>2.0999999999999908E-3</v>
      </c>
      <c r="J154" s="34"/>
      <c r="K154" s="59">
        <v>0</v>
      </c>
      <c r="L154" s="34"/>
      <c r="M154" s="34">
        <f t="shared" si="24"/>
        <v>4.414628419881895</v>
      </c>
      <c r="N154" s="34"/>
      <c r="O154" s="4"/>
      <c r="P154" s="4"/>
      <c r="R154" s="77"/>
      <c r="S154" s="77"/>
      <c r="Z154" s="72"/>
      <c r="AA154" s="72"/>
      <c r="AB154" s="72"/>
      <c r="AC154" s="72"/>
      <c r="AD154" s="72"/>
      <c r="AE154" s="72"/>
    </row>
    <row r="155" spans="1:31">
      <c r="A155" s="70">
        <f>MAX(A$13:A154)+1</f>
        <v>81</v>
      </c>
      <c r="B155" s="70"/>
      <c r="C155" s="15" t="s">
        <v>33</v>
      </c>
      <c r="D155" s="16"/>
      <c r="E155" s="14" t="s">
        <v>27</v>
      </c>
      <c r="G155" s="34">
        <v>0.92394857098908012</v>
      </c>
      <c r="H155" s="34"/>
      <c r="I155" s="34">
        <v>1.6100000000000003E-2</v>
      </c>
      <c r="J155" s="34"/>
      <c r="K155" s="59">
        <v>0</v>
      </c>
      <c r="L155" s="34"/>
      <c r="M155" s="34">
        <f t="shared" si="24"/>
        <v>0.94004857098908012</v>
      </c>
      <c r="N155" s="34"/>
      <c r="O155" s="4"/>
      <c r="P155" s="4"/>
      <c r="R155" s="77"/>
      <c r="S155" s="77"/>
      <c r="Z155" s="72"/>
      <c r="AA155" s="72"/>
      <c r="AB155" s="72"/>
      <c r="AC155" s="72"/>
      <c r="AD155" s="72"/>
      <c r="AE155" s="72"/>
    </row>
    <row r="156" spans="1:31">
      <c r="A156" s="70"/>
      <c r="B156" s="70"/>
      <c r="C156" s="15"/>
      <c r="D156" s="16"/>
      <c r="E156" s="14"/>
      <c r="G156" s="34"/>
      <c r="H156" s="34"/>
      <c r="I156" s="34"/>
      <c r="J156" s="34"/>
      <c r="K156" s="59"/>
      <c r="L156" s="34"/>
      <c r="M156" s="34"/>
      <c r="N156" s="34"/>
      <c r="O156" s="4"/>
      <c r="P156" s="4"/>
      <c r="R156" s="77"/>
      <c r="S156" s="77"/>
      <c r="Z156" s="72"/>
      <c r="AA156" s="72"/>
      <c r="AB156" s="72"/>
      <c r="AC156" s="72"/>
      <c r="AD156" s="72"/>
      <c r="AE156" s="72"/>
    </row>
    <row r="157" spans="1:31">
      <c r="A157" s="70">
        <f>MAX(A$13:A155)+1</f>
        <v>82</v>
      </c>
      <c r="B157" s="70"/>
      <c r="C157" s="16" t="s">
        <v>34</v>
      </c>
      <c r="D157" s="16"/>
      <c r="E157" s="14" t="s">
        <v>27</v>
      </c>
      <c r="G157" s="34">
        <v>9.7030939810396593</v>
      </c>
      <c r="H157" s="34"/>
      <c r="I157" s="34">
        <v>1.2999999999969702E-3</v>
      </c>
      <c r="J157" s="34"/>
      <c r="K157" s="59">
        <v>0</v>
      </c>
      <c r="L157" s="34"/>
      <c r="M157" s="34">
        <f t="shared" si="24"/>
        <v>9.7043939810396562</v>
      </c>
      <c r="N157" s="34"/>
      <c r="O157" s="4"/>
      <c r="P157" s="4"/>
      <c r="R157" s="77"/>
      <c r="S157" s="77"/>
      <c r="Z157" s="72"/>
      <c r="AA157" s="72"/>
      <c r="AB157" s="72"/>
      <c r="AC157" s="72"/>
      <c r="AD157" s="72"/>
      <c r="AE157" s="72"/>
    </row>
    <row r="158" spans="1:31">
      <c r="A158" s="14"/>
      <c r="B158" s="14"/>
      <c r="C158" s="16"/>
      <c r="D158" s="16"/>
      <c r="E158" s="14"/>
      <c r="G158" s="16"/>
      <c r="I158" s="16"/>
      <c r="K158" s="16"/>
      <c r="M158" s="16"/>
      <c r="R158" s="77"/>
      <c r="S158" s="77"/>
      <c r="Z158" s="72"/>
      <c r="AA158" s="72"/>
      <c r="AB158" s="72"/>
      <c r="AC158" s="72"/>
      <c r="AD158" s="72"/>
      <c r="AE158" s="72"/>
    </row>
    <row r="159" spans="1:31" ht="12.75" customHeight="1">
      <c r="A159" s="14"/>
      <c r="B159" s="14"/>
      <c r="C159" s="16"/>
      <c r="D159" s="16"/>
      <c r="E159" s="16"/>
      <c r="G159" s="16"/>
      <c r="I159" s="16"/>
      <c r="K159" s="16"/>
      <c r="M159" s="16"/>
      <c r="R159" s="77"/>
      <c r="S159" s="77"/>
      <c r="Z159" s="72"/>
      <c r="AA159" s="72"/>
      <c r="AB159" s="72"/>
      <c r="AC159" s="72"/>
      <c r="AD159" s="72"/>
      <c r="AE159" s="72"/>
    </row>
    <row r="160" spans="1:31" ht="12.75" customHeight="1">
      <c r="A160" s="14"/>
      <c r="B160" s="14"/>
      <c r="C160" s="16"/>
      <c r="D160" s="16"/>
      <c r="E160" s="14"/>
      <c r="G160" s="34"/>
      <c r="I160" s="16"/>
      <c r="K160" s="16"/>
      <c r="M160" s="16"/>
      <c r="R160" s="77"/>
      <c r="S160" s="77"/>
      <c r="Z160" s="72"/>
      <c r="AA160" s="72"/>
      <c r="AB160" s="72"/>
      <c r="AC160" s="72"/>
      <c r="AD160" s="72"/>
      <c r="AE160" s="72"/>
    </row>
    <row r="161" spans="1:31" ht="12.75" customHeight="1">
      <c r="A161" s="14"/>
      <c r="B161" s="14"/>
      <c r="C161" s="16"/>
      <c r="D161" s="16"/>
      <c r="E161" s="14"/>
      <c r="G161" s="34"/>
      <c r="I161" s="16"/>
      <c r="K161" s="16"/>
      <c r="M161" s="16"/>
      <c r="R161" s="77"/>
      <c r="S161" s="77"/>
      <c r="Z161" s="72"/>
      <c r="AA161" s="72"/>
      <c r="AB161" s="72"/>
      <c r="AC161" s="72"/>
      <c r="AD161" s="72"/>
      <c r="AE161" s="72"/>
    </row>
    <row r="162" spans="1:31" ht="12.75" customHeight="1">
      <c r="A162" s="14"/>
      <c r="B162" s="14"/>
      <c r="C162" s="16"/>
      <c r="D162" s="16"/>
      <c r="E162" s="16"/>
      <c r="G162" s="34"/>
      <c r="I162" s="16"/>
      <c r="K162" s="16"/>
      <c r="M162" s="16"/>
      <c r="R162" s="77"/>
      <c r="S162" s="77"/>
      <c r="Z162" s="72"/>
      <c r="AA162" s="72"/>
      <c r="AB162" s="72"/>
      <c r="AC162" s="72"/>
      <c r="AD162" s="72"/>
      <c r="AE162" s="72"/>
    </row>
    <row r="163" spans="1:31" ht="12.75" customHeight="1">
      <c r="A163" s="14"/>
      <c r="B163" s="14"/>
      <c r="C163" s="16"/>
      <c r="D163" s="16"/>
      <c r="E163" s="16"/>
      <c r="G163" s="34"/>
      <c r="I163" s="16"/>
      <c r="K163" s="16"/>
      <c r="M163" s="16"/>
      <c r="R163" s="77"/>
      <c r="S163" s="77"/>
      <c r="Z163" s="72"/>
      <c r="AA163" s="72"/>
      <c r="AB163" s="72"/>
      <c r="AC163" s="72"/>
      <c r="AD163" s="72"/>
      <c r="AE163" s="72"/>
    </row>
    <row r="164" spans="1:31" ht="12.75" customHeight="1">
      <c r="A164" s="14"/>
      <c r="B164" s="14"/>
      <c r="C164" s="16"/>
      <c r="D164" s="16"/>
      <c r="E164" s="16"/>
      <c r="G164" s="34"/>
      <c r="I164" s="16"/>
      <c r="K164" s="16"/>
      <c r="M164" s="16"/>
      <c r="R164" s="77"/>
      <c r="S164" s="77"/>
      <c r="Z164" s="72"/>
      <c r="AA164" s="72"/>
      <c r="AB164" s="72"/>
      <c r="AC164" s="72"/>
      <c r="AD164" s="72"/>
      <c r="AE164" s="72"/>
    </row>
    <row r="165" spans="1:31" ht="12.75" customHeight="1">
      <c r="A165" s="134"/>
      <c r="B165" s="134"/>
      <c r="C165" s="134"/>
      <c r="D165" s="134"/>
      <c r="E165" s="134"/>
      <c r="F165" s="134"/>
      <c r="G165" s="134"/>
      <c r="H165" s="134"/>
      <c r="I165" s="134"/>
      <c r="J165" s="134"/>
      <c r="K165" s="134"/>
      <c r="L165" s="134"/>
      <c r="M165" s="134"/>
      <c r="R165" s="77"/>
      <c r="S165" s="77"/>
      <c r="Z165" s="72"/>
      <c r="AA165" s="72"/>
      <c r="AB165" s="72"/>
      <c r="AC165" s="72"/>
      <c r="AD165" s="72"/>
      <c r="AE165" s="72"/>
    </row>
    <row r="166" spans="1:31" ht="12.75" customHeight="1">
      <c r="A166" s="134" t="s">
        <v>52</v>
      </c>
      <c r="B166" s="134"/>
      <c r="C166" s="134"/>
      <c r="D166" s="134"/>
      <c r="E166" s="134"/>
      <c r="F166" s="134"/>
      <c r="G166" s="134"/>
      <c r="H166" s="134"/>
      <c r="I166" s="134"/>
      <c r="J166" s="134"/>
      <c r="K166" s="134"/>
      <c r="L166" s="134"/>
      <c r="M166" s="134"/>
      <c r="P166" s="5"/>
      <c r="R166" s="77"/>
      <c r="S166" s="77"/>
      <c r="Z166" s="72"/>
      <c r="AA166" s="72"/>
      <c r="AB166" s="72"/>
      <c r="AC166" s="72"/>
      <c r="AD166" s="72"/>
      <c r="AE166" s="72"/>
    </row>
    <row r="167" spans="1:31" ht="12.75" customHeight="1">
      <c r="A167" s="136" t="s">
        <v>1</v>
      </c>
      <c r="B167" s="134"/>
      <c r="C167" s="134"/>
      <c r="D167" s="134"/>
      <c r="E167" s="134"/>
      <c r="F167" s="134"/>
      <c r="G167" s="134"/>
      <c r="H167" s="134"/>
      <c r="I167" s="134"/>
      <c r="J167" s="134"/>
      <c r="K167" s="134"/>
      <c r="L167" s="134"/>
      <c r="M167" s="134"/>
      <c r="R167" s="77"/>
      <c r="S167" s="77"/>
      <c r="Z167" s="72"/>
      <c r="AA167" s="72"/>
      <c r="AB167" s="72"/>
      <c r="AC167" s="72"/>
      <c r="AD167" s="72"/>
      <c r="AE167" s="72"/>
    </row>
    <row r="168" spans="1:31" ht="12.75" customHeight="1">
      <c r="A168" s="99"/>
      <c r="B168" s="100"/>
      <c r="C168" s="100"/>
      <c r="D168" s="100"/>
      <c r="E168" s="100"/>
      <c r="F168" s="100"/>
      <c r="G168" s="100"/>
      <c r="H168" s="100"/>
      <c r="I168" s="100"/>
      <c r="J168" s="100"/>
      <c r="K168" s="100"/>
      <c r="L168" s="100"/>
      <c r="M168" s="100"/>
      <c r="R168" s="77"/>
      <c r="S168" s="77"/>
      <c r="Z168" s="72"/>
      <c r="AA168" s="72"/>
      <c r="AB168" s="72"/>
      <c r="AC168" s="72"/>
      <c r="AD168" s="72"/>
      <c r="AE168" s="72"/>
    </row>
    <row r="169" spans="1:31" ht="12.75" customHeight="1">
      <c r="A169" s="14"/>
      <c r="B169" s="14"/>
      <c r="C169" s="16"/>
      <c r="D169" s="16"/>
      <c r="E169" s="16"/>
      <c r="F169" s="17"/>
      <c r="G169" s="24" t="s">
        <v>2</v>
      </c>
      <c r="H169" s="11"/>
      <c r="I169" s="11"/>
      <c r="J169" s="11"/>
      <c r="K169" s="102"/>
      <c r="L169" s="12"/>
      <c r="M169" s="102" t="s">
        <v>3</v>
      </c>
      <c r="R169" s="77"/>
      <c r="S169" s="77"/>
      <c r="Z169" s="72"/>
      <c r="AA169" s="72"/>
      <c r="AB169" s="72"/>
      <c r="AC169" s="72"/>
      <c r="AD169" s="72"/>
      <c r="AE169" s="72"/>
    </row>
    <row r="170" spans="1:31" ht="12.75" customHeight="1">
      <c r="A170" s="14"/>
      <c r="B170" s="14"/>
      <c r="C170" s="16"/>
      <c r="D170" s="16"/>
      <c r="E170" s="16"/>
      <c r="F170" s="74"/>
      <c r="G170" s="24" t="s">
        <v>4</v>
      </c>
      <c r="H170" s="79"/>
      <c r="I170" s="76" t="s">
        <v>5</v>
      </c>
      <c r="J170" s="13"/>
      <c r="K170" s="102" t="s">
        <v>6</v>
      </c>
      <c r="L170" s="12"/>
      <c r="M170" s="24" t="s">
        <v>4</v>
      </c>
      <c r="R170" s="77"/>
      <c r="S170" s="77"/>
      <c r="Z170" s="72"/>
      <c r="AA170" s="72"/>
      <c r="AB170" s="72"/>
      <c r="AC170" s="72"/>
      <c r="AD170" s="72"/>
      <c r="AE170" s="72"/>
    </row>
    <row r="171" spans="1:31" ht="12.75" customHeight="1">
      <c r="A171" s="14" t="s">
        <v>7</v>
      </c>
      <c r="B171" s="14"/>
      <c r="C171" s="16"/>
      <c r="D171" s="16"/>
      <c r="E171" s="17"/>
      <c r="F171" s="14"/>
      <c r="G171" s="76" t="s">
        <v>6</v>
      </c>
      <c r="H171" s="18"/>
      <c r="I171" s="80" t="s">
        <v>8</v>
      </c>
      <c r="K171" s="102" t="s">
        <v>9</v>
      </c>
      <c r="L171" s="12"/>
      <c r="M171" s="103" t="s">
        <v>10</v>
      </c>
      <c r="R171" s="77"/>
      <c r="S171" s="77"/>
      <c r="Z171" s="72"/>
      <c r="AA171" s="72"/>
      <c r="AB171" s="72"/>
      <c r="AC171" s="72"/>
      <c r="AD171" s="72"/>
      <c r="AE171" s="72"/>
    </row>
    <row r="172" spans="1:31" ht="12.75" customHeight="1">
      <c r="A172" s="19" t="s">
        <v>11</v>
      </c>
      <c r="B172" s="17"/>
      <c r="C172" s="20" t="s">
        <v>12</v>
      </c>
      <c r="D172" s="16"/>
      <c r="E172" s="21" t="s">
        <v>13</v>
      </c>
      <c r="F172" s="17"/>
      <c r="G172" s="22" t="s">
        <v>14</v>
      </c>
      <c r="H172" s="70"/>
      <c r="I172" s="88" t="s">
        <v>15</v>
      </c>
      <c r="K172" s="22" t="s">
        <v>16</v>
      </c>
      <c r="L172" s="12"/>
      <c r="M172" s="104" t="s">
        <v>17</v>
      </c>
      <c r="R172" s="77"/>
      <c r="S172" s="77"/>
      <c r="Z172" s="72"/>
      <c r="AA172" s="72"/>
      <c r="AB172" s="72"/>
      <c r="AC172" s="72"/>
      <c r="AD172" s="72"/>
      <c r="AE172" s="72"/>
    </row>
    <row r="173" spans="1:31" ht="12.75" customHeight="1">
      <c r="A173" s="14"/>
      <c r="B173" s="14"/>
      <c r="C173" s="16"/>
      <c r="D173" s="16"/>
      <c r="E173" s="75"/>
      <c r="F173" s="17"/>
      <c r="G173" s="70" t="s">
        <v>18</v>
      </c>
      <c r="H173" s="70"/>
      <c r="I173" s="76" t="s">
        <v>19</v>
      </c>
      <c r="K173" s="23" t="s">
        <v>20</v>
      </c>
      <c r="L173" s="24"/>
      <c r="M173" s="23" t="s">
        <v>21</v>
      </c>
      <c r="R173" s="77"/>
      <c r="S173" s="77"/>
      <c r="Z173" s="72"/>
      <c r="AA173" s="72"/>
      <c r="AB173" s="72"/>
      <c r="AC173" s="72"/>
      <c r="AD173" s="72"/>
      <c r="AE173" s="72"/>
    </row>
    <row r="174" spans="1:31">
      <c r="A174" s="14"/>
      <c r="B174" s="14"/>
      <c r="C174" s="16"/>
      <c r="D174" s="16"/>
      <c r="E174" s="16"/>
      <c r="G174" s="16"/>
      <c r="I174" s="16"/>
      <c r="K174" s="16"/>
      <c r="M174" s="16"/>
      <c r="R174" s="77"/>
      <c r="S174" s="77"/>
      <c r="Z174" s="83"/>
      <c r="AA174" s="72"/>
      <c r="AB174" s="72"/>
      <c r="AC174" s="72"/>
      <c r="AD174" s="72"/>
      <c r="AE174" s="72"/>
    </row>
    <row r="175" spans="1:31">
      <c r="A175" s="65"/>
      <c r="B175" s="14"/>
      <c r="C175" s="68" t="s">
        <v>61</v>
      </c>
      <c r="D175" s="16"/>
      <c r="E175" s="14"/>
      <c r="G175" s="16"/>
      <c r="I175" s="16"/>
      <c r="K175" s="16"/>
      <c r="M175" s="16"/>
      <c r="R175" s="77"/>
      <c r="S175" s="77"/>
      <c r="Z175" s="72"/>
      <c r="AA175" s="72"/>
      <c r="AB175" s="72"/>
      <c r="AC175" s="72"/>
      <c r="AD175" s="72"/>
      <c r="AE175" s="72"/>
    </row>
    <row r="176" spans="1:31">
      <c r="A176" s="71"/>
      <c r="B176" s="70"/>
      <c r="C176" s="16" t="s">
        <v>62</v>
      </c>
      <c r="D176" s="16"/>
      <c r="E176" s="16"/>
      <c r="G176" s="16"/>
      <c r="I176" s="16"/>
      <c r="K176" s="16"/>
      <c r="M176" s="16"/>
      <c r="R176" s="77"/>
      <c r="S176" s="77"/>
      <c r="Z176" s="72"/>
      <c r="AA176" s="72"/>
      <c r="AB176" s="72"/>
      <c r="AC176" s="72"/>
      <c r="AD176" s="72"/>
      <c r="AE176" s="72"/>
    </row>
    <row r="177" spans="1:31">
      <c r="A177" s="70">
        <f>MAX(A$13:A176)+1</f>
        <v>83</v>
      </c>
      <c r="B177" s="70"/>
      <c r="C177" s="89" t="s">
        <v>63</v>
      </c>
      <c r="D177" s="16"/>
      <c r="E177" s="14" t="s">
        <v>24</v>
      </c>
      <c r="G177" s="27">
        <v>546.97</v>
      </c>
      <c r="I177" s="27">
        <v>14.777809079844019</v>
      </c>
      <c r="K177" s="59">
        <v>0</v>
      </c>
      <c r="M177" s="27">
        <f>G177+I177+K177</f>
        <v>561.74780907984405</v>
      </c>
      <c r="R177" s="77"/>
      <c r="S177" s="77"/>
      <c r="Z177" s="72"/>
      <c r="AA177" s="72"/>
      <c r="AB177" s="72"/>
      <c r="AC177" s="72"/>
      <c r="AD177" s="72"/>
      <c r="AE177" s="72"/>
    </row>
    <row r="178" spans="1:31">
      <c r="A178" s="70">
        <f>MAX(A$13:A177)+1</f>
        <v>84</v>
      </c>
      <c r="B178" s="14"/>
      <c r="C178" s="89" t="s">
        <v>64</v>
      </c>
      <c r="D178" s="16"/>
      <c r="E178" s="14" t="s">
        <v>44</v>
      </c>
      <c r="G178" s="34">
        <v>26.375232474581111</v>
      </c>
      <c r="I178" s="34">
        <v>0.71259553854455859</v>
      </c>
      <c r="K178" s="59">
        <v>0</v>
      </c>
      <c r="M178" s="34">
        <f>G178+I178+K178</f>
        <v>27.087828013125669</v>
      </c>
      <c r="R178" s="77"/>
      <c r="S178" s="77"/>
      <c r="Z178" s="72"/>
      <c r="AA178" s="72"/>
      <c r="AB178" s="72"/>
      <c r="AC178" s="72"/>
      <c r="AD178" s="72"/>
      <c r="AE178" s="72"/>
    </row>
    <row r="179" spans="1:31">
      <c r="A179" s="14"/>
      <c r="B179" s="14"/>
      <c r="C179" s="89"/>
      <c r="D179" s="16"/>
      <c r="E179" s="14"/>
      <c r="G179" s="34"/>
      <c r="I179" s="34"/>
      <c r="K179" s="59"/>
      <c r="M179" s="34"/>
      <c r="R179" s="77"/>
      <c r="S179" s="77"/>
      <c r="Z179" s="72"/>
      <c r="AA179" s="72"/>
      <c r="AB179" s="72"/>
      <c r="AC179" s="72"/>
      <c r="AD179" s="72"/>
      <c r="AE179" s="72"/>
    </row>
    <row r="180" spans="1:31">
      <c r="A180" s="14"/>
      <c r="B180" s="14"/>
      <c r="C180" s="16" t="s">
        <v>65</v>
      </c>
      <c r="D180" s="16"/>
      <c r="E180" s="14"/>
      <c r="G180" s="34"/>
      <c r="I180" s="16"/>
      <c r="K180" s="16"/>
      <c r="M180" s="16"/>
      <c r="P180" s="72"/>
      <c r="Q180" s="82"/>
      <c r="R180" s="77"/>
      <c r="S180" s="77"/>
      <c r="T180" s="82"/>
      <c r="U180" s="82"/>
      <c r="V180" s="84"/>
      <c r="W180" s="72"/>
      <c r="X180" s="82"/>
      <c r="AA180" s="72"/>
      <c r="AB180" s="72"/>
      <c r="AC180" s="72"/>
      <c r="AD180" s="72"/>
      <c r="AE180" s="72"/>
    </row>
    <row r="181" spans="1:31">
      <c r="A181" s="70">
        <f>MAX(A$13:A180)+1</f>
        <v>85</v>
      </c>
      <c r="B181" s="14"/>
      <c r="C181" s="89" t="s">
        <v>66</v>
      </c>
      <c r="D181" s="16"/>
      <c r="E181" s="14" t="s">
        <v>67</v>
      </c>
      <c r="G181" s="34">
        <v>0.4423629856311394</v>
      </c>
      <c r="I181" s="34">
        <v>1.2061464237061614E-2</v>
      </c>
      <c r="K181" s="59">
        <v>0</v>
      </c>
      <c r="M181" s="34">
        <f t="shared" ref="M181:M182" si="25">G181+I181+K181</f>
        <v>0.45442444986820102</v>
      </c>
      <c r="O181" s="78"/>
      <c r="P181" s="72"/>
      <c r="Q181" s="82"/>
      <c r="R181" s="77"/>
      <c r="S181" s="77"/>
      <c r="T181" s="82"/>
      <c r="U181" s="82"/>
      <c r="V181" s="84"/>
      <c r="W181" s="72"/>
      <c r="X181" s="82"/>
      <c r="AA181" s="72"/>
      <c r="AB181" s="72"/>
      <c r="AC181" s="72"/>
      <c r="AD181" s="72"/>
      <c r="AE181" s="72"/>
    </row>
    <row r="182" spans="1:31">
      <c r="A182" s="70">
        <f>MAX(A$13:A181)+1</f>
        <v>86</v>
      </c>
      <c r="B182" s="14"/>
      <c r="C182" s="89" t="s">
        <v>68</v>
      </c>
      <c r="D182" s="16"/>
      <c r="E182" s="14" t="s">
        <v>67</v>
      </c>
      <c r="G182" s="34">
        <v>1.0405571168053918</v>
      </c>
      <c r="I182" s="34">
        <v>2.811335823299066E-2</v>
      </c>
      <c r="K182" s="59">
        <v>0</v>
      </c>
      <c r="M182" s="34">
        <f t="shared" si="25"/>
        <v>1.0686704750383824</v>
      </c>
      <c r="O182" s="78"/>
      <c r="P182" s="72"/>
      <c r="Q182" s="82"/>
      <c r="R182" s="77"/>
      <c r="S182" s="77"/>
      <c r="T182" s="82"/>
      <c r="U182" s="82"/>
      <c r="V182" s="84"/>
      <c r="W182" s="72"/>
      <c r="X182" s="82"/>
      <c r="Z182" s="72"/>
      <c r="AA182" s="72"/>
      <c r="AB182" s="72"/>
      <c r="AC182" s="72"/>
      <c r="AD182" s="72"/>
      <c r="AE182" s="72"/>
    </row>
    <row r="183" spans="1:31">
      <c r="A183" s="70"/>
      <c r="B183" s="70"/>
      <c r="C183" s="16"/>
      <c r="D183" s="16"/>
      <c r="E183" s="16"/>
      <c r="G183" s="16"/>
      <c r="I183" s="16"/>
      <c r="K183" s="16"/>
      <c r="M183" s="16"/>
      <c r="R183" s="77"/>
      <c r="S183" s="77"/>
      <c r="AB183" s="72"/>
      <c r="AC183" s="72"/>
      <c r="AD183" s="72"/>
      <c r="AE183" s="72"/>
    </row>
    <row r="184" spans="1:31">
      <c r="A184" s="14"/>
      <c r="B184" s="14"/>
      <c r="C184" s="105" t="s">
        <v>69</v>
      </c>
      <c r="D184" s="16"/>
      <c r="E184" s="16"/>
      <c r="G184" s="34"/>
      <c r="I184" s="16"/>
      <c r="K184" s="16"/>
      <c r="M184" s="16"/>
      <c r="R184" s="77"/>
      <c r="S184" s="77"/>
      <c r="AB184" s="72"/>
      <c r="AC184" s="72"/>
      <c r="AD184" s="72"/>
      <c r="AE184" s="72"/>
    </row>
    <row r="185" spans="1:31">
      <c r="A185" s="70">
        <f>MAX(A$13:A184)+1</f>
        <v>87</v>
      </c>
      <c r="B185" s="14"/>
      <c r="C185" s="16" t="s">
        <v>63</v>
      </c>
      <c r="D185" s="16"/>
      <c r="E185" s="14" t="s">
        <v>24</v>
      </c>
      <c r="G185" s="27">
        <v>164.09</v>
      </c>
      <c r="I185" s="27">
        <v>4.4333734585037803</v>
      </c>
      <c r="K185" s="59">
        <v>0</v>
      </c>
      <c r="M185" s="27">
        <f t="shared" ref="M185:M187" si="26">G185+I185+K185</f>
        <v>168.52337345850378</v>
      </c>
      <c r="R185" s="77"/>
      <c r="S185" s="77"/>
      <c r="AB185" s="72"/>
      <c r="AC185" s="72"/>
      <c r="AD185" s="72"/>
      <c r="AE185" s="72"/>
    </row>
    <row r="186" spans="1:31">
      <c r="A186" s="70">
        <f>MAX(A$13:A185)+1</f>
        <v>88</v>
      </c>
      <c r="B186" s="14"/>
      <c r="C186" s="16" t="s">
        <v>70</v>
      </c>
      <c r="D186" s="16"/>
      <c r="E186" s="14" t="s">
        <v>67</v>
      </c>
      <c r="G186" s="34">
        <v>5.3699999999999998E-2</v>
      </c>
      <c r="I186" s="61">
        <v>1.4508960171438004E-3</v>
      </c>
      <c r="K186" s="59">
        <v>0</v>
      </c>
      <c r="M186" s="34">
        <f t="shared" si="26"/>
        <v>5.5150896017143798E-2</v>
      </c>
      <c r="R186" s="77"/>
      <c r="S186" s="77"/>
      <c r="AB186" s="72"/>
      <c r="AC186" s="72"/>
      <c r="AD186" s="72"/>
      <c r="AE186" s="72"/>
    </row>
    <row r="187" spans="1:31">
      <c r="A187" s="70">
        <f>MAX(A$13:A186)+1</f>
        <v>89</v>
      </c>
      <c r="B187" s="14"/>
      <c r="C187" s="16" t="s">
        <v>71</v>
      </c>
      <c r="D187" s="16"/>
      <c r="E187" s="14" t="s">
        <v>67</v>
      </c>
      <c r="G187" s="34">
        <v>22.877998425448471</v>
      </c>
      <c r="I187" s="61">
        <v>0.48144397968713548</v>
      </c>
      <c r="K187" s="59">
        <v>0</v>
      </c>
      <c r="M187" s="34">
        <f t="shared" si="26"/>
        <v>23.359442405135606</v>
      </c>
      <c r="R187" s="77"/>
      <c r="S187" s="77"/>
      <c r="AB187" s="72"/>
      <c r="AC187" s="72"/>
      <c r="AD187" s="72"/>
      <c r="AE187" s="72"/>
    </row>
    <row r="188" spans="1:31">
      <c r="A188" s="70">
        <f>MAX(A$13:A187)+1</f>
        <v>90</v>
      </c>
      <c r="B188" s="70"/>
      <c r="C188" s="16" t="s">
        <v>72</v>
      </c>
      <c r="D188" s="16"/>
      <c r="E188" s="14" t="s">
        <v>67</v>
      </c>
      <c r="G188" s="34">
        <v>0.2671</v>
      </c>
      <c r="I188" s="61">
        <v>-4.4183242566859127E-2</v>
      </c>
      <c r="K188" s="61">
        <f>M188-I188-G188</f>
        <v>-8.1243000558982592E-3</v>
      </c>
      <c r="M188" s="34">
        <v>0.21479245737724262</v>
      </c>
      <c r="R188" s="77"/>
      <c r="S188" s="77"/>
      <c r="AB188" s="72"/>
      <c r="AC188" s="72"/>
      <c r="AD188" s="72"/>
      <c r="AE188" s="72"/>
    </row>
    <row r="189" spans="1:31">
      <c r="A189" s="14"/>
      <c r="B189" s="14"/>
      <c r="C189" s="16"/>
      <c r="D189" s="16"/>
      <c r="E189" s="16"/>
      <c r="G189" s="34"/>
      <c r="I189" s="16"/>
      <c r="K189" s="16"/>
      <c r="M189" s="16"/>
      <c r="R189" s="77"/>
      <c r="S189" s="77"/>
      <c r="AB189" s="72"/>
      <c r="AC189" s="72"/>
      <c r="AD189" s="72"/>
      <c r="AE189" s="72"/>
    </row>
    <row r="190" spans="1:31">
      <c r="A190" s="14"/>
      <c r="B190" s="14"/>
      <c r="C190" s="106" t="s">
        <v>73</v>
      </c>
      <c r="D190" s="16"/>
      <c r="E190" s="16"/>
      <c r="G190" s="34"/>
      <c r="I190" s="16"/>
      <c r="K190" s="16"/>
      <c r="M190" s="16"/>
      <c r="R190" s="77"/>
      <c r="S190" s="77"/>
      <c r="AB190" s="72"/>
      <c r="AC190" s="72"/>
      <c r="AD190" s="72"/>
      <c r="AE190" s="72"/>
    </row>
    <row r="191" spans="1:31">
      <c r="A191" s="70">
        <f>MAX(A$13:A190)+1</f>
        <v>91</v>
      </c>
      <c r="B191" s="14"/>
      <c r="C191" s="16" t="s">
        <v>63</v>
      </c>
      <c r="D191" s="16"/>
      <c r="E191" s="14" t="s">
        <v>24</v>
      </c>
      <c r="G191" s="27">
        <v>164.09</v>
      </c>
      <c r="I191" s="27">
        <v>4.4333734585037803</v>
      </c>
      <c r="K191" s="59">
        <v>0</v>
      </c>
      <c r="M191" s="27">
        <f t="shared" ref="M191:M193" si="27">G191+I191+K191</f>
        <v>168.52337345850378</v>
      </c>
      <c r="R191" s="77"/>
      <c r="S191" s="77"/>
      <c r="AB191" s="72"/>
      <c r="AC191" s="72"/>
      <c r="AD191" s="72"/>
      <c r="AE191" s="72"/>
    </row>
    <row r="192" spans="1:31">
      <c r="A192" s="70">
        <f>MAX(A$13:A191)+1</f>
        <v>92</v>
      </c>
      <c r="B192" s="14"/>
      <c r="C192" s="16" t="s">
        <v>70</v>
      </c>
      <c r="D192" s="16"/>
      <c r="E192" s="14" t="s">
        <v>67</v>
      </c>
      <c r="G192" s="34">
        <v>5.3747823811848811E-2</v>
      </c>
      <c r="I192" s="61">
        <v>1.4521881470904649E-3</v>
      </c>
      <c r="K192" s="59">
        <v>0</v>
      </c>
      <c r="M192" s="34">
        <f t="shared" si="27"/>
        <v>5.5200011958939275E-2</v>
      </c>
      <c r="R192" s="77"/>
      <c r="S192" s="77"/>
      <c r="AB192" s="72"/>
      <c r="AC192" s="72"/>
      <c r="AD192" s="72"/>
      <c r="AE192" s="72"/>
    </row>
    <row r="193" spans="1:31">
      <c r="A193" s="70">
        <f>MAX(A$13:A192)+1</f>
        <v>93</v>
      </c>
      <c r="B193" s="14"/>
      <c r="C193" s="16" t="s">
        <v>71</v>
      </c>
      <c r="D193" s="16"/>
      <c r="E193" s="14" t="s">
        <v>67</v>
      </c>
      <c r="G193" s="34">
        <v>5.5775329156172342</v>
      </c>
      <c r="I193" s="61">
        <v>0.14500993414646324</v>
      </c>
      <c r="K193" s="59">
        <v>0</v>
      </c>
      <c r="M193" s="34">
        <f t="shared" si="27"/>
        <v>5.7225428497636974</v>
      </c>
      <c r="R193" s="77"/>
      <c r="S193" s="77"/>
      <c r="AB193" s="72"/>
      <c r="AC193" s="72"/>
      <c r="AD193" s="72"/>
      <c r="AE193" s="72"/>
    </row>
    <row r="194" spans="1:31">
      <c r="A194" s="70">
        <f>MAX(A$13:A193)+1</f>
        <v>94</v>
      </c>
      <c r="B194" s="14"/>
      <c r="C194" s="16" t="s">
        <v>72</v>
      </c>
      <c r="D194" s="16"/>
      <c r="E194" s="14" t="s">
        <v>67</v>
      </c>
      <c r="G194" s="34">
        <v>9.7974206588091126E-2</v>
      </c>
      <c r="I194" s="61">
        <v>8.3268098715706951E-3</v>
      </c>
      <c r="K194" s="61">
        <f>M194-I194-G194</f>
        <v>-8.1352373803254968E-3</v>
      </c>
      <c r="M194" s="34">
        <v>9.8165779079336324E-2</v>
      </c>
      <c r="R194" s="77"/>
      <c r="S194" s="77"/>
      <c r="AB194" s="72"/>
      <c r="AC194" s="72"/>
      <c r="AD194" s="72"/>
      <c r="AE194" s="72"/>
    </row>
    <row r="195" spans="1:31">
      <c r="A195" s="14"/>
      <c r="B195" s="14"/>
      <c r="C195" s="16"/>
      <c r="D195" s="16"/>
      <c r="E195" s="16"/>
      <c r="G195" s="16"/>
      <c r="I195" s="16"/>
      <c r="K195" s="16"/>
      <c r="M195" s="16"/>
      <c r="R195" s="77"/>
      <c r="S195" s="77"/>
      <c r="AB195" s="72"/>
      <c r="AC195" s="72"/>
      <c r="AD195" s="72"/>
      <c r="AE195" s="72"/>
    </row>
    <row r="196" spans="1:31">
      <c r="A196" s="14"/>
      <c r="B196" s="14"/>
      <c r="C196" s="106" t="s">
        <v>74</v>
      </c>
      <c r="D196" s="16"/>
      <c r="E196" s="16"/>
      <c r="G196" s="16"/>
      <c r="I196" s="16"/>
      <c r="K196" s="16"/>
      <c r="M196" s="16"/>
      <c r="R196" s="77"/>
      <c r="S196" s="77"/>
      <c r="AB196" s="72"/>
      <c r="AC196" s="72"/>
      <c r="AD196" s="72"/>
      <c r="AE196" s="72"/>
    </row>
    <row r="197" spans="1:31">
      <c r="A197" s="14"/>
      <c r="B197" s="14"/>
      <c r="C197" s="16" t="s">
        <v>75</v>
      </c>
      <c r="D197" s="16"/>
      <c r="E197" s="16"/>
      <c r="G197" s="16"/>
      <c r="I197" s="16"/>
      <c r="K197" s="16"/>
      <c r="M197" s="16"/>
      <c r="R197" s="77"/>
      <c r="S197" s="77"/>
      <c r="AB197" s="72"/>
      <c r="AC197" s="72"/>
      <c r="AD197" s="72"/>
      <c r="AE197" s="72"/>
    </row>
    <row r="198" spans="1:31">
      <c r="A198" s="70">
        <f>MAX(A$13:A197)+1</f>
        <v>95</v>
      </c>
      <c r="B198" s="14"/>
      <c r="C198" s="16" t="s">
        <v>76</v>
      </c>
      <c r="D198" s="16"/>
      <c r="E198" s="14" t="s">
        <v>27</v>
      </c>
      <c r="G198" s="34">
        <v>14.687896814687589</v>
      </c>
      <c r="I198" s="34">
        <v>5.2780293204779838E-2</v>
      </c>
      <c r="K198" s="61">
        <f>K140+K142+K143+K146</f>
        <v>-1.95E-2</v>
      </c>
      <c r="M198" s="34">
        <f>G198+I198+K198</f>
        <v>14.721177107892368</v>
      </c>
      <c r="O198" s="4">
        <f>M140+M142+M143+M146</f>
        <v>14.721296814687587</v>
      </c>
      <c r="R198" s="77"/>
      <c r="S198" s="77"/>
      <c r="AB198" s="72"/>
      <c r="AC198" s="72"/>
      <c r="AD198" s="72"/>
      <c r="AE198" s="72"/>
    </row>
    <row r="199" spans="1:31">
      <c r="A199" s="14"/>
      <c r="B199" s="14"/>
      <c r="C199" s="16"/>
      <c r="D199" s="16"/>
      <c r="E199" s="16"/>
      <c r="G199" s="16"/>
      <c r="I199" s="16"/>
      <c r="K199" s="16"/>
      <c r="M199" s="16"/>
      <c r="R199" s="77"/>
      <c r="S199" s="77"/>
      <c r="AB199" s="72"/>
      <c r="AC199" s="72"/>
      <c r="AD199" s="72"/>
      <c r="AE199" s="72"/>
    </row>
    <row r="200" spans="1:31" ht="12.75" customHeight="1">
      <c r="A200" s="14"/>
      <c r="B200" s="14"/>
      <c r="C200" s="16"/>
      <c r="D200" s="16"/>
      <c r="E200" s="16"/>
      <c r="G200" s="16"/>
      <c r="I200" s="16"/>
      <c r="K200" s="16"/>
      <c r="M200" s="16"/>
      <c r="R200" s="77"/>
      <c r="S200" s="77"/>
      <c r="AB200" s="72"/>
      <c r="AC200" s="72"/>
      <c r="AD200" s="72"/>
      <c r="AE200" s="72"/>
    </row>
    <row r="201" spans="1:31" ht="12.75" customHeight="1">
      <c r="A201" s="14"/>
      <c r="B201" s="14"/>
      <c r="C201" s="16"/>
      <c r="D201" s="16"/>
      <c r="E201" s="16"/>
      <c r="G201" s="16"/>
      <c r="I201" s="16"/>
      <c r="K201" s="16"/>
      <c r="M201" s="16"/>
      <c r="R201" s="77"/>
      <c r="AB201" s="72"/>
      <c r="AC201" s="72"/>
      <c r="AD201" s="72"/>
      <c r="AE201" s="72"/>
    </row>
    <row r="202" spans="1:31" ht="12.75" customHeight="1">
      <c r="A202" s="14"/>
      <c r="B202" s="14"/>
      <c r="C202" s="16"/>
      <c r="D202" s="16"/>
      <c r="E202" s="16"/>
      <c r="G202" s="137"/>
      <c r="H202" s="137"/>
      <c r="I202" s="137"/>
      <c r="J202" s="137"/>
      <c r="K202" s="16"/>
      <c r="M202" s="16"/>
      <c r="R202" s="77"/>
      <c r="AB202" s="72"/>
      <c r="AC202" s="72"/>
      <c r="AD202" s="72"/>
      <c r="AE202" s="72"/>
    </row>
    <row r="203" spans="1:31" ht="12.75" customHeight="1">
      <c r="A203" s="14"/>
      <c r="B203" s="14"/>
      <c r="C203" s="16"/>
      <c r="D203" s="16"/>
      <c r="E203" s="16"/>
      <c r="G203" s="137"/>
      <c r="H203" s="137"/>
      <c r="I203" s="137"/>
      <c r="J203" s="137"/>
      <c r="K203" s="16"/>
      <c r="M203" s="16"/>
      <c r="R203" s="77"/>
      <c r="AB203" s="72"/>
      <c r="AC203" s="72"/>
      <c r="AD203" s="72"/>
      <c r="AE203" s="72"/>
    </row>
    <row r="204" spans="1:31" ht="12.75" hidden="1" customHeight="1">
      <c r="A204" s="14"/>
      <c r="B204" s="14"/>
      <c r="C204" s="16"/>
      <c r="D204" s="16"/>
      <c r="E204" s="16"/>
      <c r="G204" s="8"/>
      <c r="H204" s="8"/>
      <c r="I204" s="9"/>
      <c r="J204" s="10"/>
      <c r="K204" s="16"/>
      <c r="M204" s="16"/>
      <c r="R204" s="77"/>
      <c r="AB204" s="72"/>
      <c r="AC204" s="72"/>
      <c r="AD204" s="72"/>
      <c r="AE204" s="72"/>
    </row>
    <row r="205" spans="1:31" ht="12.75" hidden="1" customHeight="1">
      <c r="A205" s="14"/>
      <c r="B205" s="14"/>
      <c r="C205" s="16"/>
      <c r="D205" s="16"/>
      <c r="E205" s="16"/>
      <c r="G205" s="16"/>
      <c r="I205" s="16"/>
      <c r="K205" s="16"/>
      <c r="M205" s="16"/>
      <c r="R205" s="77"/>
      <c r="AB205" s="72"/>
      <c r="AC205" s="72"/>
      <c r="AD205" s="72"/>
      <c r="AE205" s="72"/>
    </row>
    <row r="206" spans="1:31" ht="12.75" hidden="1" customHeight="1">
      <c r="A206" s="48" t="s">
        <v>77</v>
      </c>
      <c r="B206" s="10"/>
      <c r="C206" s="10"/>
      <c r="D206" s="10"/>
      <c r="E206" s="10"/>
      <c r="F206" s="10"/>
      <c r="G206" s="10"/>
      <c r="H206" s="48"/>
      <c r="I206" s="48"/>
      <c r="J206" s="48"/>
      <c r="K206" s="49"/>
      <c r="L206" s="49"/>
      <c r="M206" s="49"/>
      <c r="R206" s="77"/>
      <c r="AB206" s="72"/>
      <c r="AC206" s="72"/>
      <c r="AD206" s="72"/>
      <c r="AE206" s="72"/>
    </row>
    <row r="207" spans="1:31" ht="12.75" hidden="1" customHeight="1">
      <c r="A207" s="48" t="s">
        <v>1</v>
      </c>
      <c r="B207" s="10"/>
      <c r="C207" s="10"/>
      <c r="D207" s="10"/>
      <c r="E207" s="10"/>
      <c r="F207" s="10"/>
      <c r="G207" s="10"/>
      <c r="H207" s="48"/>
      <c r="I207" s="48"/>
      <c r="J207" s="48"/>
      <c r="K207" s="49"/>
      <c r="L207" s="49"/>
      <c r="M207" s="49"/>
      <c r="R207" s="77"/>
      <c r="AB207" s="72"/>
      <c r="AC207" s="72"/>
      <c r="AD207" s="72"/>
      <c r="AE207" s="72"/>
    </row>
    <row r="208" spans="1:31" ht="12.75" hidden="1" customHeight="1">
      <c r="A208" s="8" t="s">
        <v>78</v>
      </c>
      <c r="B208" s="10"/>
      <c r="C208" s="10"/>
      <c r="D208" s="10"/>
      <c r="E208" s="10"/>
      <c r="F208" s="10"/>
      <c r="G208" s="10"/>
      <c r="H208" s="8"/>
      <c r="I208" s="9"/>
      <c r="J208" s="10"/>
      <c r="K208" s="49"/>
      <c r="L208" s="49"/>
      <c r="M208" s="49"/>
      <c r="R208" s="77"/>
      <c r="AB208" s="72"/>
      <c r="AC208" s="72"/>
      <c r="AD208" s="72"/>
      <c r="AE208" s="72"/>
    </row>
    <row r="209" spans="1:31" ht="12.75" hidden="1" customHeight="1">
      <c r="A209" s="14"/>
      <c r="B209" s="14"/>
      <c r="C209" s="16"/>
      <c r="D209" s="16"/>
      <c r="E209" s="16"/>
      <c r="G209" s="16"/>
      <c r="I209" s="16"/>
      <c r="K209" s="16"/>
      <c r="M209" s="16"/>
      <c r="R209" s="77"/>
      <c r="AB209" s="72"/>
      <c r="AC209" s="72"/>
      <c r="AD209" s="72"/>
      <c r="AE209" s="72"/>
    </row>
    <row r="210" spans="1:31" ht="12.75" hidden="1" customHeight="1">
      <c r="A210" s="14"/>
      <c r="B210" s="14"/>
      <c r="C210" s="16"/>
      <c r="D210" s="16"/>
      <c r="E210" s="16"/>
      <c r="G210" s="16"/>
      <c r="I210" s="16"/>
      <c r="K210" s="16"/>
      <c r="M210" s="16"/>
      <c r="R210" s="77"/>
      <c r="AB210" s="72"/>
      <c r="AC210" s="72"/>
      <c r="AD210" s="72"/>
      <c r="AE210" s="72"/>
    </row>
    <row r="211" spans="1:31" ht="12.75" hidden="1" customHeight="1">
      <c r="A211" s="14"/>
      <c r="B211" s="14"/>
      <c r="C211" s="16"/>
      <c r="D211" s="16"/>
      <c r="E211" s="16"/>
      <c r="G211" s="16"/>
      <c r="I211" s="16"/>
      <c r="K211" s="16"/>
      <c r="M211" s="16"/>
      <c r="R211" s="77"/>
      <c r="AB211" s="72"/>
      <c r="AC211" s="72"/>
      <c r="AD211" s="72"/>
      <c r="AE211" s="72"/>
    </row>
    <row r="212" spans="1:31" ht="12.75" hidden="1" customHeight="1">
      <c r="A212" s="14"/>
      <c r="B212" s="14"/>
      <c r="C212" s="16"/>
      <c r="D212" s="16"/>
      <c r="E212" s="16"/>
      <c r="G212" s="16"/>
      <c r="I212" s="16"/>
      <c r="K212" s="16"/>
      <c r="M212" s="16"/>
      <c r="R212" s="77"/>
      <c r="AB212" s="72"/>
      <c r="AC212" s="72"/>
      <c r="AD212" s="72"/>
      <c r="AE212" s="72"/>
    </row>
    <row r="213" spans="1:31" ht="12.75" hidden="1" customHeight="1">
      <c r="A213" s="14"/>
      <c r="B213" s="14"/>
      <c r="C213" s="16"/>
      <c r="D213" s="16"/>
      <c r="E213" s="16"/>
      <c r="F213" s="17"/>
      <c r="G213" s="11"/>
      <c r="H213" s="11"/>
      <c r="I213" s="11"/>
      <c r="J213" s="11"/>
      <c r="K213" s="102" t="s">
        <v>79</v>
      </c>
      <c r="L213" s="12"/>
      <c r="M213" s="102" t="s">
        <v>5</v>
      </c>
      <c r="N213" s="18"/>
      <c r="R213" s="77"/>
      <c r="AB213" s="72"/>
      <c r="AC213" s="72"/>
      <c r="AD213" s="72"/>
      <c r="AE213" s="72"/>
    </row>
    <row r="214" spans="1:31" ht="12.75" hidden="1" customHeight="1">
      <c r="A214" s="14"/>
      <c r="B214" s="14"/>
      <c r="C214" s="16"/>
      <c r="D214" s="16"/>
      <c r="E214" s="16"/>
      <c r="F214" s="74"/>
      <c r="G214" s="24" t="s">
        <v>80</v>
      </c>
      <c r="H214" s="79"/>
      <c r="I214" s="76" t="s">
        <v>5</v>
      </c>
      <c r="J214" s="13"/>
      <c r="K214" s="102" t="s">
        <v>81</v>
      </c>
      <c r="L214" s="12"/>
      <c r="M214" s="102" t="s">
        <v>82</v>
      </c>
      <c r="N214" s="18"/>
      <c r="R214" s="77"/>
    </row>
    <row r="215" spans="1:31" ht="12.75" hidden="1" customHeight="1">
      <c r="A215" s="14" t="s">
        <v>7</v>
      </c>
      <c r="B215" s="14"/>
      <c r="C215" s="16"/>
      <c r="D215" s="16"/>
      <c r="E215" s="17" t="s">
        <v>83</v>
      </c>
      <c r="F215" s="14"/>
      <c r="G215" s="85" t="s">
        <v>84</v>
      </c>
      <c r="H215" s="18"/>
      <c r="I215" s="80" t="s">
        <v>8</v>
      </c>
      <c r="K215" s="108" t="s">
        <v>85</v>
      </c>
      <c r="L215" s="12"/>
      <c r="M215" s="104" t="s">
        <v>86</v>
      </c>
      <c r="N215" s="18"/>
      <c r="R215" s="77"/>
    </row>
    <row r="216" spans="1:31" ht="12.75" hidden="1" customHeight="1">
      <c r="A216" s="19" t="s">
        <v>11</v>
      </c>
      <c r="B216" s="17"/>
      <c r="C216" s="20" t="s">
        <v>12</v>
      </c>
      <c r="D216" s="16"/>
      <c r="E216" s="21" t="s">
        <v>87</v>
      </c>
      <c r="F216" s="17"/>
      <c r="G216" s="69" t="s">
        <v>88</v>
      </c>
      <c r="H216" s="70"/>
      <c r="I216" s="69" t="s">
        <v>88</v>
      </c>
      <c r="K216" s="22"/>
      <c r="L216" s="12"/>
      <c r="M216" s="22"/>
      <c r="N216" s="24"/>
      <c r="R216" s="77"/>
    </row>
    <row r="217" spans="1:31" ht="12.75" hidden="1" customHeight="1">
      <c r="A217" s="14"/>
      <c r="B217" s="14"/>
      <c r="C217" s="16"/>
      <c r="D217" s="16"/>
      <c r="E217" s="75"/>
      <c r="F217" s="17"/>
      <c r="G217" s="70" t="s">
        <v>18</v>
      </c>
      <c r="H217" s="70"/>
      <c r="I217" s="76" t="s">
        <v>89</v>
      </c>
      <c r="K217" s="23" t="s">
        <v>90</v>
      </c>
      <c r="L217" s="24"/>
      <c r="M217" s="23" t="s">
        <v>91</v>
      </c>
      <c r="N217" s="23"/>
      <c r="R217" s="77"/>
    </row>
    <row r="218" spans="1:31" ht="12.75" hidden="1" customHeight="1">
      <c r="A218" s="14"/>
      <c r="B218" s="14"/>
      <c r="C218" s="16"/>
      <c r="D218" s="16"/>
      <c r="E218" s="16"/>
      <c r="G218" s="16"/>
      <c r="I218" s="16"/>
      <c r="K218" s="16"/>
      <c r="M218" s="16"/>
      <c r="R218" s="77"/>
    </row>
    <row r="219" spans="1:31" ht="12.75" hidden="1" customHeight="1">
      <c r="A219" s="14"/>
      <c r="B219" s="14"/>
      <c r="C219" s="16"/>
      <c r="D219" s="16"/>
      <c r="E219" s="16"/>
      <c r="G219" s="16"/>
      <c r="I219" s="16"/>
      <c r="K219" s="16"/>
      <c r="M219" s="16"/>
      <c r="R219" s="77"/>
    </row>
    <row r="220" spans="1:31" ht="12.75" hidden="1" customHeight="1">
      <c r="A220" s="14"/>
      <c r="B220" s="14"/>
      <c r="C220" s="16"/>
      <c r="D220" s="16"/>
      <c r="E220" s="16"/>
      <c r="G220" s="16"/>
      <c r="I220" s="16"/>
      <c r="K220" s="16"/>
      <c r="M220" s="16"/>
      <c r="R220" s="77"/>
    </row>
    <row r="221" spans="1:31" ht="12.75" hidden="1" customHeight="1">
      <c r="A221" s="14" t="s">
        <v>92</v>
      </c>
      <c r="B221" s="14"/>
      <c r="C221" s="16"/>
      <c r="D221" s="16"/>
      <c r="E221" s="16"/>
      <c r="G221" s="16"/>
      <c r="I221" s="16"/>
      <c r="K221" s="16"/>
      <c r="M221" s="16"/>
      <c r="R221" s="77"/>
    </row>
    <row r="222" spans="1:31" ht="12.75" hidden="1" customHeight="1">
      <c r="A222" s="14"/>
      <c r="B222" s="14"/>
      <c r="C222" s="16"/>
      <c r="D222" s="16"/>
      <c r="E222" s="16"/>
      <c r="G222" s="16"/>
      <c r="I222" s="16"/>
      <c r="K222" s="16"/>
      <c r="M222" s="16"/>
      <c r="R222" s="77"/>
    </row>
    <row r="223" spans="1:31" ht="12.75" hidden="1" customHeight="1">
      <c r="A223" s="14"/>
      <c r="B223" s="14"/>
      <c r="C223" s="16"/>
      <c r="D223" s="16"/>
      <c r="E223" s="16"/>
      <c r="G223" s="16"/>
      <c r="I223" s="16"/>
      <c r="K223" s="16"/>
      <c r="M223" s="16"/>
      <c r="R223" s="77"/>
    </row>
    <row r="224" spans="1:31" ht="12.75" hidden="1" customHeight="1">
      <c r="A224" s="14"/>
      <c r="B224" s="14"/>
      <c r="C224" s="16"/>
      <c r="D224" s="16"/>
      <c r="E224" s="16"/>
      <c r="G224" s="16"/>
      <c r="I224" s="16"/>
      <c r="K224" s="16"/>
      <c r="M224" s="16"/>
      <c r="R224" s="77"/>
    </row>
    <row r="225" spans="1:31" ht="12.75" hidden="1" customHeight="1">
      <c r="A225" s="14"/>
      <c r="B225" s="14"/>
      <c r="C225" s="16"/>
      <c r="D225" s="16"/>
      <c r="E225" s="16"/>
      <c r="G225" s="16"/>
      <c r="I225" s="16"/>
      <c r="K225" s="16"/>
      <c r="M225" s="16"/>
      <c r="R225" s="77"/>
    </row>
    <row r="226" spans="1:31" ht="12.75" customHeight="1">
      <c r="A226" s="14"/>
      <c r="B226" s="14"/>
      <c r="C226" s="16"/>
      <c r="D226" s="16"/>
      <c r="E226" s="16"/>
      <c r="G226" s="16"/>
      <c r="I226" s="16"/>
      <c r="K226" s="16"/>
      <c r="M226" s="16"/>
      <c r="R226" s="77"/>
    </row>
    <row r="227" spans="1:31" ht="12.75" customHeight="1">
      <c r="A227" s="14"/>
      <c r="B227" s="14"/>
      <c r="C227" s="16"/>
      <c r="D227" s="16"/>
      <c r="E227" s="16"/>
      <c r="G227" s="16"/>
      <c r="I227" s="16"/>
      <c r="K227" s="16"/>
      <c r="M227" s="16"/>
      <c r="R227" s="77"/>
    </row>
    <row r="228" spans="1:31" ht="12.75" customHeight="1">
      <c r="A228" s="14"/>
      <c r="B228" s="14"/>
      <c r="C228" s="16"/>
      <c r="D228" s="16"/>
      <c r="E228" s="16"/>
      <c r="G228" s="16"/>
      <c r="I228" s="16"/>
      <c r="K228" s="16"/>
      <c r="M228" s="16"/>
      <c r="R228" s="77"/>
    </row>
    <row r="229" spans="1:31" ht="12.75" customHeight="1">
      <c r="A229" s="48"/>
      <c r="B229" s="10"/>
      <c r="C229" s="10"/>
      <c r="D229" s="10"/>
      <c r="E229" s="10"/>
      <c r="F229" s="10"/>
      <c r="G229" s="10"/>
      <c r="H229" s="48"/>
      <c r="I229" s="48"/>
      <c r="J229" s="48"/>
      <c r="K229" s="49"/>
      <c r="L229" s="49"/>
      <c r="M229" s="49"/>
      <c r="R229" s="77"/>
    </row>
    <row r="230" spans="1:31" ht="12.75" customHeight="1">
      <c r="A230" s="134" t="s">
        <v>52</v>
      </c>
      <c r="B230" s="134"/>
      <c r="C230" s="134"/>
      <c r="D230" s="134"/>
      <c r="E230" s="134"/>
      <c r="F230" s="134"/>
      <c r="G230" s="134"/>
      <c r="H230" s="134"/>
      <c r="I230" s="134"/>
      <c r="J230" s="134"/>
      <c r="K230" s="134"/>
      <c r="L230" s="134"/>
      <c r="M230" s="134"/>
      <c r="P230" s="5"/>
      <c r="R230" s="77"/>
      <c r="S230" s="77"/>
      <c r="Z230" s="72"/>
      <c r="AA230" s="72"/>
      <c r="AB230" s="72"/>
      <c r="AC230" s="72"/>
      <c r="AD230" s="72"/>
      <c r="AE230" s="72"/>
    </row>
    <row r="231" spans="1:31" ht="12.75" customHeight="1">
      <c r="A231" s="135" t="s">
        <v>93</v>
      </c>
      <c r="B231" s="135"/>
      <c r="C231" s="135"/>
      <c r="D231" s="135"/>
      <c r="E231" s="135"/>
      <c r="F231" s="135"/>
      <c r="G231" s="135"/>
      <c r="H231" s="135"/>
      <c r="I231" s="135"/>
      <c r="J231" s="135"/>
      <c r="K231" s="135"/>
      <c r="L231" s="135"/>
      <c r="M231" s="135"/>
      <c r="N231" s="135"/>
      <c r="R231" s="77"/>
    </row>
    <row r="232" spans="1:31" ht="12.75" customHeight="1">
      <c r="A232" s="101"/>
      <c r="B232" s="101"/>
      <c r="C232" s="101"/>
      <c r="D232" s="101"/>
      <c r="E232" s="101"/>
      <c r="F232" s="101"/>
      <c r="G232" s="101"/>
      <c r="H232" s="101"/>
      <c r="I232" s="101"/>
      <c r="J232" s="101"/>
      <c r="K232" s="101"/>
      <c r="L232" s="101"/>
      <c r="M232" s="101"/>
      <c r="N232" s="101"/>
      <c r="R232" s="77"/>
    </row>
    <row r="233" spans="1:31" ht="12.75" customHeight="1">
      <c r="A233" s="14"/>
      <c r="B233" s="14"/>
      <c r="C233" s="16"/>
      <c r="D233" s="16"/>
      <c r="E233" s="16"/>
      <c r="F233" s="17"/>
      <c r="G233" s="24" t="s">
        <v>2</v>
      </c>
      <c r="H233" s="11"/>
      <c r="I233" s="11"/>
      <c r="J233" s="11"/>
      <c r="K233" s="102"/>
      <c r="L233" s="12"/>
      <c r="M233" s="102" t="s">
        <v>3</v>
      </c>
      <c r="N233" s="18"/>
      <c r="R233" s="77"/>
    </row>
    <row r="234" spans="1:31" ht="12.75" customHeight="1">
      <c r="A234" s="14"/>
      <c r="B234" s="14"/>
      <c r="C234" s="16"/>
      <c r="D234" s="16"/>
      <c r="E234" s="16"/>
      <c r="F234" s="74"/>
      <c r="G234" s="24" t="s">
        <v>4</v>
      </c>
      <c r="H234" s="79"/>
      <c r="I234" s="76" t="s">
        <v>5</v>
      </c>
      <c r="J234" s="13"/>
      <c r="K234" s="102" t="s">
        <v>6</v>
      </c>
      <c r="L234" s="12"/>
      <c r="M234" s="24" t="s">
        <v>4</v>
      </c>
      <c r="N234" s="18"/>
      <c r="R234" s="77"/>
    </row>
    <row r="235" spans="1:31" ht="12.75" customHeight="1">
      <c r="A235" s="14" t="s">
        <v>7</v>
      </c>
      <c r="B235" s="14"/>
      <c r="C235" s="16"/>
      <c r="D235" s="16"/>
      <c r="E235" s="17"/>
      <c r="F235" s="14"/>
      <c r="G235" s="76" t="s">
        <v>6</v>
      </c>
      <c r="H235" s="18"/>
      <c r="I235" s="80" t="s">
        <v>8</v>
      </c>
      <c r="K235" s="102" t="s">
        <v>9</v>
      </c>
      <c r="L235" s="12"/>
      <c r="M235" s="103" t="s">
        <v>10</v>
      </c>
      <c r="N235" s="18"/>
      <c r="R235" s="77"/>
    </row>
    <row r="236" spans="1:31" ht="12.75" customHeight="1">
      <c r="A236" s="19" t="s">
        <v>11</v>
      </c>
      <c r="B236" s="17"/>
      <c r="C236" s="20" t="s">
        <v>12</v>
      </c>
      <c r="D236" s="16"/>
      <c r="E236" s="21" t="s">
        <v>13</v>
      </c>
      <c r="F236" s="17"/>
      <c r="G236" s="22" t="s">
        <v>14</v>
      </c>
      <c r="H236" s="70"/>
      <c r="I236" s="88" t="s">
        <v>15</v>
      </c>
      <c r="K236" s="22" t="s">
        <v>16</v>
      </c>
      <c r="L236" s="12"/>
      <c r="M236" s="104" t="s">
        <v>17</v>
      </c>
      <c r="N236" s="24"/>
      <c r="R236" s="77"/>
    </row>
    <row r="237" spans="1:31" ht="12.75" customHeight="1">
      <c r="A237" s="14"/>
      <c r="B237" s="14"/>
      <c r="C237" s="16"/>
      <c r="D237" s="16"/>
      <c r="E237" s="75"/>
      <c r="F237" s="17"/>
      <c r="G237" s="70" t="s">
        <v>18</v>
      </c>
      <c r="H237" s="70"/>
      <c r="I237" s="76" t="s">
        <v>19</v>
      </c>
      <c r="K237" s="23" t="s">
        <v>20</v>
      </c>
      <c r="L237" s="24"/>
      <c r="M237" s="23" t="s">
        <v>21</v>
      </c>
      <c r="N237" s="23"/>
      <c r="R237" s="77"/>
    </row>
    <row r="238" spans="1:31">
      <c r="A238" s="70"/>
      <c r="B238" s="14"/>
      <c r="C238" s="106" t="s">
        <v>94</v>
      </c>
      <c r="D238" s="16"/>
      <c r="E238" s="16"/>
      <c r="G238" s="16"/>
      <c r="I238" s="16"/>
      <c r="K238" s="16"/>
      <c r="M238" s="16"/>
      <c r="R238" s="77"/>
    </row>
    <row r="239" spans="1:31">
      <c r="A239" s="70">
        <f>MAX(A$13:A238)+1</f>
        <v>96</v>
      </c>
      <c r="B239" s="14"/>
      <c r="C239" s="45" t="s">
        <v>23</v>
      </c>
      <c r="D239" s="16"/>
      <c r="E239" s="14" t="s">
        <v>24</v>
      </c>
      <c r="G239" s="27">
        <v>23.98</v>
      </c>
      <c r="H239" s="34"/>
      <c r="I239" s="27">
        <v>2.8719999999999999</v>
      </c>
      <c r="J239" s="34"/>
      <c r="K239" s="59">
        <v>0</v>
      </c>
      <c r="L239" s="34"/>
      <c r="M239" s="27">
        <f t="shared" ref="M239" si="28">G239+I239+K239</f>
        <v>26.852</v>
      </c>
      <c r="N239" s="34"/>
      <c r="O239" s="4"/>
      <c r="P239" s="4"/>
      <c r="R239" s="77"/>
    </row>
    <row r="240" spans="1:31">
      <c r="A240" s="70"/>
      <c r="B240" s="14"/>
      <c r="C240" s="45" t="s">
        <v>25</v>
      </c>
      <c r="D240" s="16"/>
      <c r="E240" s="16"/>
      <c r="G240" s="27"/>
      <c r="H240" s="34"/>
      <c r="I240" s="27"/>
      <c r="J240" s="34"/>
      <c r="K240" s="34"/>
      <c r="L240" s="34"/>
      <c r="M240" s="27"/>
      <c r="N240" s="34"/>
      <c r="O240" s="4"/>
      <c r="P240" s="4"/>
      <c r="R240" s="77"/>
    </row>
    <row r="241" spans="1:18" ht="15.6">
      <c r="A241" s="70">
        <f>MAX(A$13:A240)+1</f>
        <v>97</v>
      </c>
      <c r="B241" s="14"/>
      <c r="C241" s="45" t="s">
        <v>95</v>
      </c>
      <c r="D241" s="16"/>
      <c r="E241" s="14" t="s">
        <v>27</v>
      </c>
      <c r="G241" s="34">
        <v>10.892000000000001</v>
      </c>
      <c r="H241" s="34"/>
      <c r="I241" s="31">
        <v>-0.14990000000000059</v>
      </c>
      <c r="J241" s="34"/>
      <c r="K241" s="31">
        <v>6.1000000000000004E-3</v>
      </c>
      <c r="L241" s="34"/>
      <c r="M241" s="34">
        <f t="shared" ref="M241:M245" si="29">G241+I241+K241</f>
        <v>10.748200000000001</v>
      </c>
      <c r="N241" s="34"/>
      <c r="O241" s="4"/>
      <c r="P241" s="4"/>
      <c r="R241" s="77"/>
    </row>
    <row r="242" spans="1:18" ht="15.6">
      <c r="A242" s="70">
        <f>MAX(A$13:A241)+1</f>
        <v>98</v>
      </c>
      <c r="B242" s="14"/>
      <c r="C242" s="15" t="s">
        <v>96</v>
      </c>
      <c r="D242" s="16"/>
      <c r="E242" s="14" t="s">
        <v>27</v>
      </c>
      <c r="G242" s="34">
        <v>10.614700000000001</v>
      </c>
      <c r="H242" s="34"/>
      <c r="I242" s="31">
        <v>-0.14150000000000063</v>
      </c>
      <c r="J242" s="34"/>
      <c r="K242" s="31">
        <v>6.1000000000000004E-3</v>
      </c>
      <c r="L242" s="34"/>
      <c r="M242" s="34">
        <f t="shared" si="29"/>
        <v>10.4793</v>
      </c>
      <c r="N242" s="34"/>
      <c r="O242" s="4"/>
      <c r="P242" s="4"/>
      <c r="R242" s="77"/>
    </row>
    <row r="243" spans="1:18" ht="15.6">
      <c r="A243" s="70">
        <f>MAX(A$13:A242)+1</f>
        <v>99</v>
      </c>
      <c r="B243" s="14"/>
      <c r="C243" s="15" t="s">
        <v>96</v>
      </c>
      <c r="D243" s="16"/>
      <c r="E243" s="14" t="s">
        <v>27</v>
      </c>
      <c r="G243" s="34">
        <v>10.175000000000001</v>
      </c>
      <c r="H243" s="34"/>
      <c r="I243" s="31">
        <v>-0.12809999999999988</v>
      </c>
      <c r="J243" s="34"/>
      <c r="K243" s="31">
        <v>6.1000000000000004E-3</v>
      </c>
      <c r="L243" s="34"/>
      <c r="M243" s="34">
        <f t="shared" si="29"/>
        <v>10.053000000000001</v>
      </c>
      <c r="N243" s="34"/>
      <c r="O243" s="4"/>
      <c r="P243" s="4"/>
      <c r="R243" s="77"/>
    </row>
    <row r="244" spans="1:18" ht="15.6">
      <c r="A244" s="70">
        <f>MAX(A$13:A243)+1</f>
        <v>100</v>
      </c>
      <c r="B244" s="14"/>
      <c r="C244" s="15" t="s">
        <v>97</v>
      </c>
      <c r="D244" s="16"/>
      <c r="E244" s="14" t="s">
        <v>27</v>
      </c>
      <c r="G244" s="34">
        <v>9.7717000000000009</v>
      </c>
      <c r="H244" s="34"/>
      <c r="I244" s="31">
        <v>-0.11589999999999989</v>
      </c>
      <c r="J244" s="34"/>
      <c r="K244" s="31">
        <v>6.1000000000000004E-3</v>
      </c>
      <c r="L244" s="34"/>
      <c r="M244" s="34">
        <f t="shared" si="29"/>
        <v>9.661900000000001</v>
      </c>
      <c r="N244" s="34"/>
      <c r="O244" s="4"/>
      <c r="P244" s="4"/>
      <c r="R244" s="77"/>
    </row>
    <row r="245" spans="1:18" ht="15.6">
      <c r="A245" s="70">
        <f>MAX(A$13:A244)+1</f>
        <v>101</v>
      </c>
      <c r="B245" s="14"/>
      <c r="C245" s="15" t="s">
        <v>98</v>
      </c>
      <c r="D245" s="16"/>
      <c r="E245" s="14" t="s">
        <v>27</v>
      </c>
      <c r="G245" s="34">
        <v>9.4381000000000004</v>
      </c>
      <c r="H245" s="34"/>
      <c r="I245" s="31">
        <v>-0.10570000000000057</v>
      </c>
      <c r="J245" s="34"/>
      <c r="K245" s="31">
        <v>6.1000000000000004E-3</v>
      </c>
      <c r="L245" s="34"/>
      <c r="M245" s="34">
        <f t="shared" si="29"/>
        <v>9.3384999999999998</v>
      </c>
      <c r="N245" s="34"/>
      <c r="O245" s="4"/>
      <c r="P245" s="4"/>
      <c r="R245" s="77"/>
    </row>
    <row r="246" spans="1:18">
      <c r="A246" s="70"/>
      <c r="B246" s="14"/>
      <c r="C246" s="109"/>
      <c r="D246" s="16"/>
      <c r="E246" s="14"/>
      <c r="G246" s="34"/>
      <c r="H246" s="34"/>
      <c r="I246" s="34"/>
      <c r="J246" s="34"/>
      <c r="K246" s="34"/>
      <c r="L246" s="34"/>
      <c r="M246" s="34"/>
      <c r="N246" s="34"/>
      <c r="O246" s="4"/>
      <c r="P246" s="4"/>
      <c r="R246" s="77"/>
    </row>
    <row r="247" spans="1:18">
      <c r="A247" s="70">
        <f>MAX(A$13:A246)+1</f>
        <v>102</v>
      </c>
      <c r="B247" s="14"/>
      <c r="C247" s="41" t="s">
        <v>99</v>
      </c>
      <c r="D247" s="16"/>
      <c r="E247" s="14" t="s">
        <v>27</v>
      </c>
      <c r="G247" s="34">
        <v>3.3066999999999993</v>
      </c>
      <c r="H247" s="34"/>
      <c r="I247" s="31">
        <v>-8.0000000000000071E-3</v>
      </c>
      <c r="J247" s="34"/>
      <c r="K247" s="59">
        <v>0</v>
      </c>
      <c r="L247" s="34"/>
      <c r="M247" s="34">
        <f t="shared" ref="M247:M254" si="30">G247+I247+K247</f>
        <v>3.2986999999999993</v>
      </c>
      <c r="N247" s="34"/>
      <c r="O247" s="4"/>
      <c r="P247" s="4"/>
      <c r="R247" s="77"/>
    </row>
    <row r="248" spans="1:18">
      <c r="A248" s="70">
        <f>MAX(A$13:A247)+1</f>
        <v>103</v>
      </c>
      <c r="B248" s="14"/>
      <c r="C248" s="41" t="s">
        <v>100</v>
      </c>
      <c r="D248" s="16"/>
      <c r="E248" s="14" t="s">
        <v>27</v>
      </c>
      <c r="G248" s="34">
        <v>1.9286999999999999</v>
      </c>
      <c r="H248" s="34"/>
      <c r="I248" s="31">
        <v>3.9999999999995595E-4</v>
      </c>
      <c r="J248" s="34"/>
      <c r="K248" s="59">
        <v>0</v>
      </c>
      <c r="L248" s="34"/>
      <c r="M248" s="34">
        <f t="shared" si="30"/>
        <v>1.9290999999999998</v>
      </c>
      <c r="N248" s="34"/>
      <c r="O248" s="4"/>
      <c r="P248" s="4"/>
      <c r="R248" s="77"/>
    </row>
    <row r="249" spans="1:18">
      <c r="A249" s="70"/>
      <c r="B249" s="14"/>
      <c r="C249" s="41"/>
      <c r="D249" s="16"/>
      <c r="E249" s="14"/>
      <c r="G249" s="34"/>
      <c r="H249" s="34"/>
      <c r="I249" s="31"/>
      <c r="J249" s="34"/>
      <c r="K249" s="59"/>
      <c r="L249" s="34"/>
      <c r="M249" s="34"/>
      <c r="N249" s="34"/>
      <c r="O249" s="4"/>
      <c r="P249" s="4"/>
      <c r="R249" s="77"/>
    </row>
    <row r="250" spans="1:18">
      <c r="A250" s="70">
        <f>MAX(A$13:A248)+1</f>
        <v>104</v>
      </c>
      <c r="B250" s="14"/>
      <c r="C250" s="41" t="s">
        <v>101</v>
      </c>
      <c r="D250" s="16"/>
      <c r="E250" s="14" t="s">
        <v>27</v>
      </c>
      <c r="G250" s="34">
        <v>2.1863000000000001</v>
      </c>
      <c r="H250" s="34"/>
      <c r="I250" s="34">
        <v>5.1399999999999668E-2</v>
      </c>
      <c r="J250" s="34"/>
      <c r="K250" s="59">
        <v>0</v>
      </c>
      <c r="L250" s="34"/>
      <c r="M250" s="34">
        <f t="shared" si="30"/>
        <v>2.2376999999999998</v>
      </c>
      <c r="N250" s="34"/>
      <c r="O250" s="4"/>
      <c r="P250" s="4"/>
      <c r="R250" s="77"/>
    </row>
    <row r="251" spans="1:18">
      <c r="A251" s="70">
        <f>MAX(A$13:A250)+1</f>
        <v>105</v>
      </c>
      <c r="B251" s="14"/>
      <c r="C251" s="41" t="s">
        <v>102</v>
      </c>
      <c r="D251" s="16"/>
      <c r="E251" s="14" t="s">
        <v>27</v>
      </c>
      <c r="G251" s="34">
        <v>5.8669000000000002</v>
      </c>
      <c r="I251" s="34">
        <v>6.3799999999999635E-2</v>
      </c>
      <c r="K251" s="59">
        <v>0</v>
      </c>
      <c r="L251" s="34"/>
      <c r="M251" s="34">
        <f t="shared" si="30"/>
        <v>5.9306999999999999</v>
      </c>
      <c r="O251" s="4"/>
      <c r="P251" s="4"/>
      <c r="R251" s="77"/>
    </row>
    <row r="252" spans="1:18">
      <c r="A252" s="70"/>
      <c r="B252" s="14"/>
      <c r="C252" s="41"/>
      <c r="D252" s="16"/>
      <c r="E252" s="14"/>
      <c r="G252" s="34"/>
      <c r="I252" s="34"/>
      <c r="K252" s="59"/>
      <c r="L252" s="34"/>
      <c r="M252" s="34"/>
      <c r="O252" s="4"/>
      <c r="P252" s="4"/>
      <c r="R252" s="77"/>
    </row>
    <row r="253" spans="1:18">
      <c r="A253" s="70">
        <f>MAX(A$13:A252)+1</f>
        <v>106</v>
      </c>
      <c r="B253" s="14"/>
      <c r="C253" s="41" t="s">
        <v>103</v>
      </c>
      <c r="D253" s="16"/>
      <c r="E253" s="14" t="s">
        <v>27</v>
      </c>
      <c r="G253" s="34">
        <v>10.995900000000001</v>
      </c>
      <c r="I253" s="34">
        <v>5.5999999999976069E-3</v>
      </c>
      <c r="K253" s="59">
        <v>0</v>
      </c>
      <c r="L253" s="34"/>
      <c r="M253" s="34">
        <f t="shared" si="30"/>
        <v>11.001499999999998</v>
      </c>
      <c r="O253" s="4"/>
      <c r="P253" s="4"/>
      <c r="R253" s="77"/>
    </row>
    <row r="254" spans="1:18">
      <c r="A254" s="70">
        <f>MAX(A$13:A253)+1</f>
        <v>107</v>
      </c>
      <c r="B254" s="14"/>
      <c r="C254" s="41" t="s">
        <v>104</v>
      </c>
      <c r="D254" s="16"/>
      <c r="E254" s="14" t="s">
        <v>27</v>
      </c>
      <c r="G254" s="34">
        <v>12.586200000000002</v>
      </c>
      <c r="I254" s="34">
        <v>5.6000000000011596E-3</v>
      </c>
      <c r="K254" s="59">
        <v>0</v>
      </c>
      <c r="L254" s="34"/>
      <c r="M254" s="34">
        <f t="shared" si="30"/>
        <v>12.591800000000003</v>
      </c>
      <c r="O254" s="4"/>
      <c r="P254" s="4"/>
      <c r="R254" s="77"/>
    </row>
    <row r="255" spans="1:18">
      <c r="A255" s="14"/>
      <c r="B255" s="14"/>
      <c r="C255" s="16"/>
      <c r="D255" s="16"/>
      <c r="E255" s="45"/>
      <c r="G255" s="34"/>
      <c r="I255" s="16"/>
      <c r="K255" s="16"/>
      <c r="M255" s="16"/>
      <c r="R255" s="77"/>
    </row>
    <row r="256" spans="1:18">
      <c r="A256" s="70"/>
      <c r="B256" s="14"/>
      <c r="C256" s="106" t="s">
        <v>105</v>
      </c>
      <c r="D256" s="16"/>
      <c r="E256" s="45"/>
      <c r="G256" s="34"/>
      <c r="I256" s="16"/>
      <c r="K256" s="16"/>
      <c r="M256" s="16"/>
      <c r="R256" s="77"/>
    </row>
    <row r="257" spans="1:18">
      <c r="A257" s="70">
        <f>MAX(A$13:A256)+1</f>
        <v>108</v>
      </c>
      <c r="B257" s="14"/>
      <c r="C257" s="45" t="s">
        <v>23</v>
      </c>
      <c r="D257" s="16"/>
      <c r="E257" s="110" t="s">
        <v>24</v>
      </c>
      <c r="G257" s="27">
        <v>77.58</v>
      </c>
      <c r="I257" s="27">
        <v>2.0649999999999977</v>
      </c>
      <c r="K257" s="59">
        <v>0</v>
      </c>
      <c r="M257" s="27">
        <f t="shared" ref="M257" si="31">G257+I257+K257</f>
        <v>79.644999999999996</v>
      </c>
      <c r="O257" s="4"/>
      <c r="P257" s="4"/>
      <c r="R257" s="77"/>
    </row>
    <row r="258" spans="1:18">
      <c r="A258" s="70"/>
      <c r="B258" s="14"/>
      <c r="C258" s="45" t="s">
        <v>25</v>
      </c>
      <c r="D258" s="16"/>
      <c r="E258" s="45"/>
      <c r="G258" s="27"/>
      <c r="I258" s="27"/>
      <c r="K258" s="16"/>
      <c r="M258" s="27"/>
      <c r="O258" s="4"/>
      <c r="P258" s="4"/>
      <c r="R258" s="77"/>
    </row>
    <row r="259" spans="1:18" ht="15.6">
      <c r="A259" s="70">
        <f>MAX(A$13:A258)+1</f>
        <v>109</v>
      </c>
      <c r="B259" s="14"/>
      <c r="C259" s="45" t="s">
        <v>106</v>
      </c>
      <c r="D259" s="16"/>
      <c r="E259" s="14" t="s">
        <v>27</v>
      </c>
      <c r="G259" s="34">
        <v>9.9602000000000004</v>
      </c>
      <c r="I259" s="31">
        <v>-0.37020000000000053</v>
      </c>
      <c r="K259" s="31">
        <v>4.4999999999999997E-3</v>
      </c>
      <c r="M259" s="34">
        <f t="shared" ref="M259:M263" si="32">G259+I259+K259</f>
        <v>9.5945</v>
      </c>
      <c r="O259" s="4"/>
      <c r="P259" s="4"/>
      <c r="R259" s="77"/>
    </row>
    <row r="260" spans="1:18" ht="15.6">
      <c r="A260" s="70">
        <f>MAX(A$13:A259)+1</f>
        <v>110</v>
      </c>
      <c r="B260" s="14"/>
      <c r="C260" s="15" t="s">
        <v>107</v>
      </c>
      <c r="D260" s="16"/>
      <c r="E260" s="14" t="s">
        <v>27</v>
      </c>
      <c r="G260" s="34">
        <v>8.0991</v>
      </c>
      <c r="I260" s="31">
        <v>-0.30489999999999995</v>
      </c>
      <c r="K260" s="31">
        <v>4.4999999999999997E-3</v>
      </c>
      <c r="M260" s="34">
        <f t="shared" si="32"/>
        <v>7.7987000000000002</v>
      </c>
      <c r="O260" s="4"/>
      <c r="P260" s="4"/>
      <c r="R260" s="77"/>
    </row>
    <row r="261" spans="1:18" ht="15.6">
      <c r="A261" s="70">
        <f>MAX(A$13:A260)+1</f>
        <v>111</v>
      </c>
      <c r="B261" s="14"/>
      <c r="C261" s="15" t="s">
        <v>108</v>
      </c>
      <c r="D261" s="16"/>
      <c r="E261" s="14" t="s">
        <v>27</v>
      </c>
      <c r="G261" s="34">
        <v>7.0203999999999995</v>
      </c>
      <c r="I261" s="31">
        <v>-0.26890000000000036</v>
      </c>
      <c r="K261" s="31">
        <v>4.4999999999999997E-3</v>
      </c>
      <c r="M261" s="34">
        <f t="shared" si="32"/>
        <v>6.7559999999999993</v>
      </c>
      <c r="O261" s="4"/>
      <c r="P261" s="4"/>
      <c r="R261" s="77"/>
    </row>
    <row r="262" spans="1:18" ht="15.6">
      <c r="A262" s="70">
        <f>MAX(A$13:A261)+1</f>
        <v>112</v>
      </c>
      <c r="B262" s="14"/>
      <c r="C262" s="15" t="s">
        <v>109</v>
      </c>
      <c r="D262" s="16"/>
      <c r="E262" s="14" t="s">
        <v>27</v>
      </c>
      <c r="G262" s="34">
        <v>6.3431999999999995</v>
      </c>
      <c r="I262" s="31">
        <v>-0.24489999999999945</v>
      </c>
      <c r="K262" s="31">
        <v>4.4999999999999997E-3</v>
      </c>
      <c r="M262" s="34">
        <f t="shared" si="32"/>
        <v>6.1028000000000002</v>
      </c>
      <c r="O262" s="4"/>
      <c r="P262" s="4"/>
      <c r="R262" s="77"/>
    </row>
    <row r="263" spans="1:18" ht="15.6">
      <c r="A263" s="70">
        <f>MAX(A$13:A262)+1</f>
        <v>113</v>
      </c>
      <c r="B263" s="14"/>
      <c r="C263" s="15" t="s">
        <v>110</v>
      </c>
      <c r="D263" s="16"/>
      <c r="E263" s="14" t="s">
        <v>27</v>
      </c>
      <c r="G263" s="34">
        <v>3.7771999999999997</v>
      </c>
      <c r="I263" s="31">
        <v>-0.15390000000000015</v>
      </c>
      <c r="K263" s="31">
        <v>4.4999999999999997E-3</v>
      </c>
      <c r="M263" s="34">
        <f t="shared" si="32"/>
        <v>3.6277999999999997</v>
      </c>
      <c r="O263" s="4"/>
      <c r="P263" s="4"/>
      <c r="R263" s="77"/>
    </row>
    <row r="264" spans="1:18">
      <c r="A264" s="14"/>
      <c r="B264" s="14"/>
      <c r="C264" s="16"/>
      <c r="D264" s="16"/>
      <c r="E264" s="16"/>
      <c r="G264" s="34"/>
      <c r="I264" s="34"/>
      <c r="K264" s="34"/>
      <c r="M264" s="34"/>
      <c r="O264" s="4"/>
      <c r="P264" s="4"/>
      <c r="R264" s="77"/>
    </row>
    <row r="265" spans="1:18">
      <c r="A265" s="70">
        <f>MAX(A$13:A264)+1</f>
        <v>114</v>
      </c>
      <c r="B265" s="14"/>
      <c r="C265" s="41" t="s">
        <v>99</v>
      </c>
      <c r="D265" s="16"/>
      <c r="E265" s="14" t="s">
        <v>27</v>
      </c>
      <c r="G265" s="34">
        <v>2.8898000000000006</v>
      </c>
      <c r="I265" s="31">
        <v>-1.0000000000000231E-2</v>
      </c>
      <c r="K265" s="59">
        <v>0</v>
      </c>
      <c r="M265" s="34">
        <f t="shared" ref="M265:M272" si="33">G265+I265+K265</f>
        <v>2.8798000000000004</v>
      </c>
      <c r="O265" s="4"/>
      <c r="P265" s="4"/>
      <c r="R265" s="77"/>
    </row>
    <row r="266" spans="1:18">
      <c r="A266" s="70">
        <f>MAX(A$13:A265)+1</f>
        <v>115</v>
      </c>
      <c r="B266" s="14"/>
      <c r="C266" s="41" t="s">
        <v>100</v>
      </c>
      <c r="D266" s="16"/>
      <c r="E266" s="14" t="s">
        <v>27</v>
      </c>
      <c r="G266" s="34">
        <v>1.7684999999999997</v>
      </c>
      <c r="I266" s="31">
        <v>3.9999999999995595E-4</v>
      </c>
      <c r="K266" s="59">
        <v>0</v>
      </c>
      <c r="M266" s="34">
        <f t="shared" si="33"/>
        <v>1.7688999999999997</v>
      </c>
      <c r="O266" s="4"/>
      <c r="P266" s="4"/>
      <c r="R266" s="77"/>
    </row>
    <row r="267" spans="1:18">
      <c r="A267" s="70"/>
      <c r="B267" s="14"/>
      <c r="C267" s="41"/>
      <c r="D267" s="16"/>
      <c r="E267" s="14"/>
      <c r="G267" s="34"/>
      <c r="I267" s="31"/>
      <c r="K267" s="59"/>
      <c r="M267" s="34"/>
      <c r="O267" s="4"/>
      <c r="P267" s="4"/>
      <c r="R267" s="77"/>
    </row>
    <row r="268" spans="1:18">
      <c r="A268" s="70">
        <f>MAX(A$13:A266)+1</f>
        <v>116</v>
      </c>
      <c r="B268" s="14"/>
      <c r="C268" s="41" t="s">
        <v>101</v>
      </c>
      <c r="D268" s="16"/>
      <c r="E268" s="14" t="s">
        <v>27</v>
      </c>
      <c r="G268" s="34">
        <v>1.7257999999999998</v>
      </c>
      <c r="I268" s="34">
        <v>3.9800000000000058E-2</v>
      </c>
      <c r="K268" s="59">
        <v>0</v>
      </c>
      <c r="M268" s="34">
        <f t="shared" si="33"/>
        <v>1.7655999999999998</v>
      </c>
      <c r="O268" s="4"/>
      <c r="P268" s="4"/>
      <c r="R268" s="77"/>
    </row>
    <row r="269" spans="1:18">
      <c r="A269" s="70">
        <f>MAX(A$13:A268)+1</f>
        <v>117</v>
      </c>
      <c r="B269" s="45"/>
      <c r="C269" s="41" t="s">
        <v>102</v>
      </c>
      <c r="D269" s="45"/>
      <c r="E269" s="14" t="s">
        <v>27</v>
      </c>
      <c r="F269" s="45"/>
      <c r="G269" s="111">
        <v>4.3835000000000006</v>
      </c>
      <c r="H269" s="45"/>
      <c r="I269" s="34">
        <v>4.8899999999999721E-2</v>
      </c>
      <c r="J269" s="45"/>
      <c r="K269" s="59">
        <v>0</v>
      </c>
      <c r="L269" s="45"/>
      <c r="M269" s="34">
        <f t="shared" si="33"/>
        <v>4.4324000000000003</v>
      </c>
      <c r="N269" s="45"/>
      <c r="O269" s="4"/>
      <c r="P269" s="4"/>
      <c r="Q269" s="6"/>
      <c r="R269" s="77"/>
    </row>
    <row r="270" spans="1:18">
      <c r="A270" s="70"/>
      <c r="B270" s="45"/>
      <c r="C270" s="41"/>
      <c r="D270" s="45"/>
      <c r="E270" s="14"/>
      <c r="F270" s="45"/>
      <c r="G270" s="111"/>
      <c r="H270" s="45"/>
      <c r="I270" s="34"/>
      <c r="J270" s="45"/>
      <c r="K270" s="59"/>
      <c r="L270" s="45"/>
      <c r="M270" s="34"/>
      <c r="N270" s="45"/>
      <c r="O270" s="4"/>
      <c r="P270" s="4"/>
      <c r="Q270" s="6"/>
      <c r="R270" s="77"/>
    </row>
    <row r="271" spans="1:18">
      <c r="A271" s="70">
        <f>MAX(A$13:A269)+1</f>
        <v>118</v>
      </c>
      <c r="B271" s="45"/>
      <c r="C271" s="41" t="s">
        <v>103</v>
      </c>
      <c r="D271" s="45"/>
      <c r="E271" s="14" t="s">
        <v>27</v>
      </c>
      <c r="F271" s="45"/>
      <c r="G271" s="111">
        <v>10.995900000000001</v>
      </c>
      <c r="H271" s="45"/>
      <c r="I271" s="34">
        <v>5.5999999999976069E-3</v>
      </c>
      <c r="J271" s="45"/>
      <c r="K271" s="59">
        <v>0</v>
      </c>
      <c r="L271" s="45"/>
      <c r="M271" s="34">
        <f t="shared" si="33"/>
        <v>11.001499999999998</v>
      </c>
      <c r="N271" s="45"/>
      <c r="O271" s="4"/>
      <c r="P271" s="4"/>
      <c r="Q271" s="6"/>
      <c r="R271" s="77"/>
    </row>
    <row r="272" spans="1:18">
      <c r="A272" s="70">
        <f>MAX(A$13:A271)+1</f>
        <v>119</v>
      </c>
      <c r="B272" s="45"/>
      <c r="C272" s="41" t="s">
        <v>104</v>
      </c>
      <c r="D272" s="45"/>
      <c r="E272" s="14" t="s">
        <v>27</v>
      </c>
      <c r="F272" s="45"/>
      <c r="G272" s="111">
        <v>12.586200000000002</v>
      </c>
      <c r="H272" s="45"/>
      <c r="I272" s="34">
        <v>5.6000000000011596E-3</v>
      </c>
      <c r="J272" s="45"/>
      <c r="K272" s="59">
        <v>0</v>
      </c>
      <c r="L272" s="45"/>
      <c r="M272" s="34">
        <f t="shared" si="33"/>
        <v>12.591800000000003</v>
      </c>
      <c r="N272" s="45"/>
      <c r="O272" s="4"/>
      <c r="P272" s="4"/>
      <c r="Q272" s="6"/>
      <c r="R272" s="77"/>
    </row>
    <row r="273" spans="1:18">
      <c r="A273" s="70"/>
      <c r="B273" s="45"/>
      <c r="C273" s="41"/>
      <c r="D273" s="45"/>
      <c r="E273" s="45"/>
      <c r="F273" s="45"/>
      <c r="G273" s="111"/>
      <c r="H273" s="45"/>
      <c r="I273" s="34"/>
      <c r="J273" s="45"/>
      <c r="K273" s="111"/>
      <c r="L273" s="45"/>
      <c r="M273" s="34"/>
      <c r="N273" s="45"/>
      <c r="O273" s="4"/>
      <c r="P273" s="4"/>
      <c r="Q273" s="6"/>
      <c r="R273" s="77"/>
    </row>
    <row r="274" spans="1:18">
      <c r="A274" s="70"/>
      <c r="B274" s="45"/>
      <c r="C274" s="106" t="s">
        <v>111</v>
      </c>
      <c r="D274" s="45"/>
      <c r="E274" s="45"/>
      <c r="F274" s="45"/>
      <c r="G274" s="111"/>
      <c r="H274" s="45"/>
      <c r="I274" s="45"/>
      <c r="J274" s="45"/>
      <c r="K274" s="45"/>
      <c r="L274" s="45"/>
      <c r="M274" s="45"/>
      <c r="N274" s="45"/>
      <c r="O274" s="4"/>
      <c r="P274" s="4"/>
      <c r="Q274" s="6"/>
      <c r="R274" s="77"/>
    </row>
    <row r="275" spans="1:18">
      <c r="A275" s="70">
        <f>MAX(A$13:A274)+1</f>
        <v>120</v>
      </c>
      <c r="B275" s="45"/>
      <c r="C275" s="45" t="s">
        <v>23</v>
      </c>
      <c r="D275" s="45"/>
      <c r="E275" s="110" t="s">
        <v>24</v>
      </c>
      <c r="F275" s="45"/>
      <c r="G275" s="27">
        <v>1091.76</v>
      </c>
      <c r="H275" s="45"/>
      <c r="I275" s="27">
        <v>29.412600000000111</v>
      </c>
      <c r="J275" s="45"/>
      <c r="K275" s="59">
        <v>0</v>
      </c>
      <c r="L275" s="45"/>
      <c r="M275" s="27">
        <f t="shared" ref="M275" si="34">G275+I275+K275</f>
        <v>1121.1726000000001</v>
      </c>
      <c r="N275" s="45"/>
      <c r="O275" s="4"/>
      <c r="P275" s="4"/>
      <c r="Q275" s="6"/>
      <c r="R275" s="77"/>
    </row>
    <row r="276" spans="1:18">
      <c r="A276" s="70"/>
      <c r="B276" s="45"/>
      <c r="C276" s="45" t="s">
        <v>43</v>
      </c>
      <c r="D276" s="45"/>
      <c r="E276" s="45"/>
      <c r="F276" s="45"/>
      <c r="G276" s="27"/>
      <c r="H276" s="45"/>
      <c r="I276" s="27"/>
      <c r="J276" s="45"/>
      <c r="K276" s="112"/>
      <c r="L276" s="45"/>
      <c r="M276" s="27"/>
      <c r="N276" s="45"/>
      <c r="O276" s="4"/>
      <c r="P276" s="4"/>
      <c r="Q276" s="6"/>
      <c r="R276" s="77"/>
    </row>
    <row r="277" spans="1:18" ht="15.6">
      <c r="A277" s="70">
        <f>MAX(A$13:A276)+1</f>
        <v>121</v>
      </c>
      <c r="B277" s="45"/>
      <c r="C277" s="45" t="s">
        <v>112</v>
      </c>
      <c r="D277" s="45"/>
      <c r="E277" s="14" t="s">
        <v>44</v>
      </c>
      <c r="F277" s="45"/>
      <c r="G277" s="111">
        <v>34.796800000000005</v>
      </c>
      <c r="H277" s="45"/>
      <c r="I277" s="34">
        <v>0.3458000000000041</v>
      </c>
      <c r="J277" s="45"/>
      <c r="K277" s="59">
        <v>0</v>
      </c>
      <c r="L277" s="45"/>
      <c r="M277" s="34">
        <f t="shared" ref="M277:M278" si="35">G277+I277+K277</f>
        <v>35.142600000000009</v>
      </c>
      <c r="N277" s="45"/>
      <c r="O277" s="4"/>
      <c r="P277" s="4"/>
      <c r="Q277" s="6"/>
      <c r="R277" s="77"/>
    </row>
    <row r="278" spans="1:18" ht="15.6">
      <c r="A278" s="70">
        <f>MAX(A$13:A277)+1</f>
        <v>122</v>
      </c>
      <c r="B278" s="45"/>
      <c r="C278" s="15" t="s">
        <v>113</v>
      </c>
      <c r="D278" s="45"/>
      <c r="E278" s="14" t="s">
        <v>44</v>
      </c>
      <c r="F278" s="45"/>
      <c r="G278" s="111">
        <v>20.462300000000003</v>
      </c>
      <c r="H278" s="45"/>
      <c r="I278" s="34">
        <v>0.20330000000000226</v>
      </c>
      <c r="J278" s="45"/>
      <c r="K278" s="59">
        <v>0</v>
      </c>
      <c r="L278" s="45"/>
      <c r="M278" s="34">
        <f t="shared" si="35"/>
        <v>20.665600000000005</v>
      </c>
      <c r="N278" s="45"/>
      <c r="O278" s="4"/>
      <c r="P278" s="4"/>
      <c r="Q278" s="6"/>
      <c r="R278" s="77"/>
    </row>
    <row r="279" spans="1:18">
      <c r="A279" s="70"/>
      <c r="B279" s="45"/>
      <c r="C279" s="45" t="s">
        <v>25</v>
      </c>
      <c r="D279" s="45"/>
      <c r="E279" s="36"/>
      <c r="F279" s="45"/>
      <c r="G279" s="111"/>
      <c r="H279" s="45"/>
      <c r="I279" s="34"/>
      <c r="J279" s="45"/>
      <c r="K279" s="113"/>
      <c r="L279" s="45"/>
      <c r="M279" s="34"/>
      <c r="N279" s="45"/>
      <c r="O279" s="4"/>
      <c r="P279" s="4"/>
      <c r="Q279" s="6"/>
      <c r="R279" s="77"/>
    </row>
    <row r="280" spans="1:18" ht="15.6">
      <c r="A280" s="70">
        <f>MAX(A$13:A279)+1</f>
        <v>123</v>
      </c>
      <c r="B280" s="45"/>
      <c r="C280" s="45" t="s">
        <v>114</v>
      </c>
      <c r="D280" s="45"/>
      <c r="E280" s="14" t="s">
        <v>27</v>
      </c>
      <c r="F280" s="45"/>
      <c r="G280" s="111">
        <v>0.73820000000000008</v>
      </c>
      <c r="H280" s="45"/>
      <c r="I280" s="31">
        <v>-1.7000000000000015E-2</v>
      </c>
      <c r="J280" s="45"/>
      <c r="K280" s="61">
        <v>4.0000000000000002E-4</v>
      </c>
      <c r="L280" s="45"/>
      <c r="M280" s="34">
        <f t="shared" ref="M280:M281" si="36">G280+I280+K280</f>
        <v>0.72160000000000002</v>
      </c>
      <c r="N280" s="45"/>
      <c r="O280" s="4"/>
      <c r="P280" s="4"/>
      <c r="Q280" s="6"/>
      <c r="R280" s="77"/>
    </row>
    <row r="281" spans="1:18" ht="15.6">
      <c r="A281" s="70">
        <f>MAX(A$13:A280)+1</f>
        <v>124</v>
      </c>
      <c r="B281" s="45"/>
      <c r="C281" s="15" t="s">
        <v>115</v>
      </c>
      <c r="D281" s="45"/>
      <c r="E281" s="14" t="s">
        <v>27</v>
      </c>
      <c r="F281" s="45"/>
      <c r="G281" s="111">
        <v>0.52880000000000005</v>
      </c>
      <c r="H281" s="45"/>
      <c r="I281" s="31">
        <v>-1.2399999999999967E-2</v>
      </c>
      <c r="J281" s="45"/>
      <c r="K281" s="61">
        <v>4.0000000000000002E-4</v>
      </c>
      <c r="L281" s="45"/>
      <c r="M281" s="34">
        <f t="shared" si="36"/>
        <v>0.51680000000000004</v>
      </c>
      <c r="N281" s="45"/>
      <c r="O281" s="4"/>
      <c r="P281" s="4"/>
      <c r="Q281" s="6"/>
      <c r="R281" s="77"/>
    </row>
    <row r="282" spans="1:18">
      <c r="A282" s="70"/>
      <c r="B282" s="45"/>
      <c r="C282" s="16"/>
      <c r="D282" s="45"/>
      <c r="E282" s="45"/>
      <c r="F282" s="45"/>
      <c r="G282" s="111"/>
      <c r="H282" s="45"/>
      <c r="I282" s="34"/>
      <c r="J282" s="45"/>
      <c r="K282" s="112"/>
      <c r="L282" s="45"/>
      <c r="M282" s="112"/>
      <c r="N282" s="45"/>
      <c r="O282" s="4"/>
      <c r="P282" s="4"/>
      <c r="Q282" s="6"/>
      <c r="R282" s="77"/>
    </row>
    <row r="283" spans="1:18">
      <c r="A283" s="70"/>
      <c r="B283" s="45"/>
      <c r="C283" s="45" t="s">
        <v>116</v>
      </c>
      <c r="D283" s="45"/>
      <c r="E283" s="16"/>
      <c r="F283" s="45"/>
      <c r="G283" s="45"/>
      <c r="H283" s="45"/>
      <c r="I283" s="34"/>
      <c r="J283" s="45"/>
      <c r="K283" s="112"/>
      <c r="L283" s="45"/>
      <c r="M283" s="112"/>
      <c r="N283" s="45"/>
      <c r="O283" s="4"/>
      <c r="P283" s="4"/>
      <c r="Q283" s="6"/>
      <c r="R283" s="77"/>
    </row>
    <row r="284" spans="1:18">
      <c r="A284" s="70">
        <f>MAX(A$13:A283)+1</f>
        <v>125</v>
      </c>
      <c r="B284" s="45"/>
      <c r="C284" s="109" t="s">
        <v>117</v>
      </c>
      <c r="D284" s="45"/>
      <c r="E284" s="14" t="s">
        <v>44</v>
      </c>
      <c r="F284" s="45"/>
      <c r="G284" s="45">
        <v>33.044399999999996</v>
      </c>
      <c r="H284" s="45"/>
      <c r="I284" s="34">
        <v>0.15820000000000078</v>
      </c>
      <c r="J284" s="45"/>
      <c r="K284" s="59">
        <v>0</v>
      </c>
      <c r="L284" s="45"/>
      <c r="M284" s="34">
        <f t="shared" ref="M284:M285" si="37">G284+I284+K284</f>
        <v>33.202599999999997</v>
      </c>
      <c r="N284" s="45"/>
      <c r="O284" s="4"/>
      <c r="P284" s="4"/>
      <c r="Q284" s="6"/>
      <c r="R284" s="77"/>
    </row>
    <row r="285" spans="1:18">
      <c r="A285" s="70">
        <f>MAX(A$13:A284)+1</f>
        <v>126</v>
      </c>
      <c r="B285" s="45"/>
      <c r="C285" s="109" t="s">
        <v>118</v>
      </c>
      <c r="D285" s="45"/>
      <c r="E285" s="14" t="s">
        <v>44</v>
      </c>
      <c r="F285" s="45"/>
      <c r="G285" s="45">
        <v>38.784599999999998</v>
      </c>
      <c r="H285" s="45"/>
      <c r="I285" s="34">
        <v>0.11730000000000018</v>
      </c>
      <c r="J285" s="45"/>
      <c r="K285" s="59">
        <v>0</v>
      </c>
      <c r="L285" s="45"/>
      <c r="M285" s="34">
        <f t="shared" si="37"/>
        <v>38.901899999999998</v>
      </c>
      <c r="N285" s="45"/>
      <c r="O285" s="4"/>
      <c r="P285" s="4"/>
      <c r="Q285" s="6"/>
      <c r="R285" s="77"/>
    </row>
    <row r="286" spans="1:18">
      <c r="A286" s="70"/>
      <c r="B286" s="45"/>
      <c r="C286" s="45" t="s">
        <v>119</v>
      </c>
      <c r="D286" s="45"/>
      <c r="E286" s="16"/>
      <c r="F286" s="45"/>
      <c r="G286" s="45"/>
      <c r="H286" s="45"/>
      <c r="I286" s="34"/>
      <c r="J286" s="45"/>
      <c r="K286" s="112"/>
      <c r="L286" s="45"/>
      <c r="M286" s="112"/>
      <c r="N286" s="45"/>
      <c r="O286" s="4"/>
      <c r="P286" s="4"/>
      <c r="Q286" s="6"/>
      <c r="R286" s="77"/>
    </row>
    <row r="287" spans="1:18">
      <c r="A287" s="70">
        <f>MAX(A$13:A286)+1</f>
        <v>127</v>
      </c>
      <c r="B287" s="45"/>
      <c r="C287" s="109" t="s">
        <v>117</v>
      </c>
      <c r="D287" s="45"/>
      <c r="E287" s="14" t="s">
        <v>27</v>
      </c>
      <c r="F287" s="45"/>
      <c r="G287" s="45">
        <v>1.8881999999999999</v>
      </c>
      <c r="H287" s="45"/>
      <c r="I287" s="34">
        <v>6.3999999999997392E-3</v>
      </c>
      <c r="J287" s="45"/>
      <c r="K287" s="59">
        <v>0</v>
      </c>
      <c r="L287" s="45"/>
      <c r="M287" s="34">
        <f t="shared" ref="M287:M288" si="38">G287+I287+K287</f>
        <v>1.8945999999999996</v>
      </c>
      <c r="N287" s="45"/>
      <c r="O287" s="4"/>
      <c r="P287" s="4"/>
      <c r="Q287" s="6"/>
      <c r="R287" s="77"/>
    </row>
    <row r="288" spans="1:18">
      <c r="A288" s="70">
        <f>MAX(A$13:A287)+1</f>
        <v>128</v>
      </c>
      <c r="B288" s="45"/>
      <c r="C288" s="109" t="s">
        <v>118</v>
      </c>
      <c r="D288" s="45"/>
      <c r="E288" s="14" t="s">
        <v>27</v>
      </c>
      <c r="F288" s="45"/>
      <c r="G288" s="112">
        <v>1.389</v>
      </c>
      <c r="H288" s="45"/>
      <c r="I288" s="31">
        <v>5.2000000000000934E-3</v>
      </c>
      <c r="J288" s="45"/>
      <c r="K288" s="59">
        <v>0</v>
      </c>
      <c r="L288" s="45"/>
      <c r="M288" s="34">
        <f t="shared" si="38"/>
        <v>1.3942000000000001</v>
      </c>
      <c r="N288" s="45"/>
      <c r="O288" s="4"/>
      <c r="P288" s="4"/>
      <c r="Q288" s="6"/>
      <c r="R288" s="77"/>
    </row>
    <row r="289" spans="1:18">
      <c r="A289" s="70"/>
      <c r="B289" s="45"/>
      <c r="C289" s="45" t="s">
        <v>120</v>
      </c>
      <c r="D289" s="45"/>
      <c r="E289" s="16"/>
      <c r="F289" s="45"/>
      <c r="G289" s="45"/>
      <c r="H289" s="45"/>
      <c r="I289" s="34"/>
      <c r="J289" s="45"/>
      <c r="K289" s="112"/>
      <c r="L289" s="45"/>
      <c r="M289" s="112"/>
      <c r="N289" s="45"/>
      <c r="O289" s="4"/>
      <c r="P289" s="4"/>
      <c r="Q289" s="6"/>
      <c r="R289" s="77"/>
    </row>
    <row r="290" spans="1:18">
      <c r="A290" s="70">
        <f>MAX(A$12:A289)+1</f>
        <v>129</v>
      </c>
      <c r="B290" s="45"/>
      <c r="C290" s="109" t="s">
        <v>117</v>
      </c>
      <c r="D290" s="45"/>
      <c r="E290" s="14" t="s">
        <v>27</v>
      </c>
      <c r="F290" s="45"/>
      <c r="G290" s="61">
        <v>0</v>
      </c>
      <c r="H290" s="61"/>
      <c r="I290" s="61">
        <v>0</v>
      </c>
      <c r="J290" s="61"/>
      <c r="K290" s="59">
        <v>0</v>
      </c>
      <c r="L290" s="61"/>
      <c r="M290" s="61">
        <f t="shared" ref="M290:M291" si="39">G290+I290+K290</f>
        <v>0</v>
      </c>
      <c r="N290" s="45"/>
      <c r="O290" s="4"/>
      <c r="P290" s="4"/>
      <c r="Q290" s="6"/>
      <c r="R290" s="77"/>
    </row>
    <row r="291" spans="1:18">
      <c r="A291" s="70">
        <f>MAX(A$12:A290)+1</f>
        <v>130</v>
      </c>
      <c r="B291" s="45"/>
      <c r="C291" s="109" t="s">
        <v>118</v>
      </c>
      <c r="D291" s="45"/>
      <c r="E291" s="14" t="s">
        <v>27</v>
      </c>
      <c r="F291" s="45"/>
      <c r="G291" s="61">
        <v>0</v>
      </c>
      <c r="H291" s="61"/>
      <c r="I291" s="61">
        <v>0</v>
      </c>
      <c r="J291" s="61"/>
      <c r="K291" s="59">
        <v>0</v>
      </c>
      <c r="L291" s="61"/>
      <c r="M291" s="61">
        <f t="shared" si="39"/>
        <v>0</v>
      </c>
      <c r="N291" s="45"/>
      <c r="O291" s="4"/>
      <c r="P291" s="4"/>
      <c r="Q291" s="6"/>
      <c r="R291" s="77"/>
    </row>
    <row r="292" spans="1:18">
      <c r="A292" s="70"/>
      <c r="B292" s="45"/>
      <c r="C292" s="109"/>
      <c r="D292" s="45"/>
      <c r="E292" s="14"/>
      <c r="F292" s="45"/>
      <c r="G292" s="61"/>
      <c r="H292" s="61"/>
      <c r="I292" s="61"/>
      <c r="J292" s="61"/>
      <c r="K292" s="59"/>
      <c r="L292" s="61"/>
      <c r="M292" s="61"/>
      <c r="N292" s="45"/>
      <c r="O292" s="4"/>
      <c r="P292" s="4"/>
      <c r="Q292" s="6"/>
      <c r="R292" s="77"/>
    </row>
    <row r="293" spans="1:18">
      <c r="A293" s="70"/>
      <c r="B293" s="45"/>
      <c r="C293" s="45" t="s">
        <v>121</v>
      </c>
      <c r="D293" s="45"/>
      <c r="E293" s="14"/>
      <c r="F293" s="45"/>
      <c r="G293" s="45"/>
      <c r="H293" s="45"/>
      <c r="I293" s="34"/>
      <c r="J293" s="45"/>
      <c r="K293" s="112"/>
      <c r="L293" s="45"/>
      <c r="M293" s="112"/>
      <c r="N293" s="45"/>
      <c r="O293" s="4"/>
      <c r="P293" s="4"/>
      <c r="Q293" s="6"/>
      <c r="R293" s="77"/>
    </row>
    <row r="294" spans="1:18">
      <c r="A294" s="70">
        <f>MAX(A$12:A293)+1</f>
        <v>131</v>
      </c>
      <c r="B294" s="45"/>
      <c r="C294" s="109" t="s">
        <v>122</v>
      </c>
      <c r="D294" s="45"/>
      <c r="E294" s="14" t="s">
        <v>123</v>
      </c>
      <c r="F294" s="45"/>
      <c r="G294" s="114">
        <v>17.948</v>
      </c>
      <c r="H294" s="114"/>
      <c r="I294" s="62">
        <v>0.21259999999999835</v>
      </c>
      <c r="J294" s="114"/>
      <c r="K294" s="59">
        <v>0</v>
      </c>
      <c r="L294" s="114"/>
      <c r="M294" s="51">
        <f t="shared" ref="M294:M298" si="40">G294+I294+K294</f>
        <v>18.160599999999999</v>
      </c>
      <c r="N294" s="45"/>
      <c r="O294" s="4"/>
      <c r="P294" s="4"/>
      <c r="Q294" s="6"/>
      <c r="R294" s="77"/>
    </row>
    <row r="295" spans="1:18">
      <c r="A295" s="70">
        <f>MAX(A$12:A294)+1</f>
        <v>132</v>
      </c>
      <c r="B295" s="45"/>
      <c r="C295" s="109" t="s">
        <v>124</v>
      </c>
      <c r="D295" s="45"/>
      <c r="E295" s="14" t="s">
        <v>125</v>
      </c>
      <c r="F295" s="45"/>
      <c r="G295" s="114">
        <v>0.22500000000000001</v>
      </c>
      <c r="H295" s="114"/>
      <c r="I295" s="62">
        <v>5.6000000000000216E-3</v>
      </c>
      <c r="J295" s="114"/>
      <c r="K295" s="59">
        <v>0</v>
      </c>
      <c r="L295" s="114"/>
      <c r="M295" s="51">
        <f t="shared" si="40"/>
        <v>0.23060000000000003</v>
      </c>
      <c r="N295" s="45"/>
      <c r="O295" s="4"/>
      <c r="P295" s="4"/>
      <c r="Q295" s="6"/>
      <c r="R295" s="77"/>
    </row>
    <row r="296" spans="1:18">
      <c r="A296" s="70"/>
      <c r="B296" s="45"/>
      <c r="C296" s="109"/>
      <c r="D296" s="45"/>
      <c r="E296" s="14"/>
      <c r="F296" s="45"/>
      <c r="G296" s="114"/>
      <c r="H296" s="114"/>
      <c r="I296" s="62"/>
      <c r="J296" s="114"/>
      <c r="K296" s="59"/>
      <c r="L296" s="114"/>
      <c r="M296" s="62"/>
      <c r="N296" s="45"/>
      <c r="O296" s="4"/>
      <c r="P296" s="4"/>
      <c r="Q296" s="6"/>
      <c r="R296" s="77"/>
    </row>
    <row r="297" spans="1:18">
      <c r="A297" s="70">
        <f>MAX(A$12:A295)+1</f>
        <v>133</v>
      </c>
      <c r="B297" s="45"/>
      <c r="C297" s="41" t="s">
        <v>103</v>
      </c>
      <c r="D297" s="45"/>
      <c r="E297" s="14" t="s">
        <v>27</v>
      </c>
      <c r="F297" s="45"/>
      <c r="G297" s="45">
        <v>10.643400000000002</v>
      </c>
      <c r="H297" s="45"/>
      <c r="I297" s="34">
        <v>5.6000000000011596E-3</v>
      </c>
      <c r="J297" s="45"/>
      <c r="K297" s="59">
        <v>0</v>
      </c>
      <c r="L297" s="45"/>
      <c r="M297" s="94">
        <f t="shared" si="40"/>
        <v>10.649000000000003</v>
      </c>
      <c r="N297" s="45"/>
      <c r="O297" s="4"/>
      <c r="P297" s="4"/>
      <c r="Q297" s="6"/>
      <c r="R297" s="77"/>
    </row>
    <row r="298" spans="1:18">
      <c r="A298" s="70">
        <f>MAX(A$12:A297)+1</f>
        <v>134</v>
      </c>
      <c r="B298" s="45"/>
      <c r="C298" s="41" t="s">
        <v>104</v>
      </c>
      <c r="D298" s="45"/>
      <c r="E298" s="14" t="s">
        <v>27</v>
      </c>
      <c r="F298" s="45"/>
      <c r="G298" s="45">
        <v>12.181700000000001</v>
      </c>
      <c r="H298" s="45"/>
      <c r="I298" s="31">
        <v>5.6000000000011596E-3</v>
      </c>
      <c r="J298" s="45"/>
      <c r="K298" s="59">
        <v>0</v>
      </c>
      <c r="L298" s="45"/>
      <c r="M298" s="94">
        <f t="shared" si="40"/>
        <v>12.187300000000002</v>
      </c>
      <c r="N298" s="45"/>
      <c r="O298" s="4"/>
      <c r="P298" s="4"/>
      <c r="Q298" s="6"/>
      <c r="R298" s="77"/>
    </row>
    <row r="299" spans="1:18">
      <c r="A299" s="70"/>
      <c r="B299" s="45"/>
      <c r="C299" s="45"/>
      <c r="D299" s="45"/>
      <c r="E299" s="16"/>
      <c r="F299" s="45"/>
      <c r="G299" s="45"/>
      <c r="H299" s="45"/>
      <c r="I299" s="45"/>
      <c r="J299" s="45"/>
      <c r="K299" s="45"/>
      <c r="L299" s="45"/>
      <c r="M299" s="115"/>
      <c r="N299" s="45"/>
      <c r="O299" s="4"/>
      <c r="P299" s="4"/>
      <c r="Q299" s="6"/>
      <c r="R299" s="77"/>
    </row>
    <row r="300" spans="1:18">
      <c r="A300" s="70"/>
      <c r="B300" s="45"/>
      <c r="C300" s="45"/>
      <c r="D300" s="45"/>
      <c r="E300" s="16"/>
      <c r="F300" s="45"/>
      <c r="G300" s="112"/>
      <c r="H300" s="45"/>
      <c r="I300" s="45"/>
      <c r="J300" s="45"/>
      <c r="K300" s="45"/>
      <c r="L300" s="45"/>
      <c r="M300" s="45"/>
      <c r="N300" s="45"/>
      <c r="O300" s="4"/>
      <c r="P300" s="4"/>
      <c r="Q300" s="6"/>
      <c r="R300" s="77"/>
    </row>
    <row r="301" spans="1:18">
      <c r="A301" s="70"/>
      <c r="B301" s="45"/>
      <c r="C301" s="45"/>
      <c r="D301" s="45"/>
      <c r="E301" s="16"/>
      <c r="F301" s="45"/>
      <c r="G301" s="112"/>
      <c r="H301" s="45"/>
      <c r="I301" s="45"/>
      <c r="J301" s="45"/>
      <c r="K301" s="45"/>
      <c r="L301" s="45"/>
      <c r="M301" s="45"/>
      <c r="N301" s="45"/>
      <c r="O301" s="4"/>
      <c r="P301" s="4"/>
      <c r="Q301" s="6"/>
      <c r="R301" s="77"/>
    </row>
    <row r="302" spans="1:18">
      <c r="A302" s="70"/>
      <c r="B302" s="45"/>
      <c r="C302" s="45"/>
      <c r="D302" s="45"/>
      <c r="E302" s="16"/>
      <c r="F302" s="45"/>
      <c r="G302" s="112"/>
      <c r="H302" s="45"/>
      <c r="I302" s="45"/>
      <c r="J302" s="45"/>
      <c r="K302" s="45"/>
      <c r="L302" s="45"/>
      <c r="M302" s="45"/>
      <c r="N302" s="45"/>
      <c r="O302" s="4"/>
      <c r="P302" s="4"/>
      <c r="Q302" s="6"/>
      <c r="R302" s="77"/>
    </row>
    <row r="303" spans="1:18">
      <c r="A303" s="70"/>
      <c r="B303" s="45"/>
      <c r="C303" s="45"/>
      <c r="D303" s="45"/>
      <c r="E303" s="16"/>
      <c r="F303" s="45"/>
      <c r="G303" s="112"/>
      <c r="H303" s="45"/>
      <c r="I303" s="45"/>
      <c r="J303" s="45"/>
      <c r="K303" s="45"/>
      <c r="L303" s="45"/>
      <c r="M303" s="45"/>
      <c r="N303" s="45"/>
      <c r="O303" s="4"/>
      <c r="P303" s="4"/>
      <c r="Q303" s="6"/>
      <c r="R303" s="77"/>
    </row>
    <row r="304" spans="1:18">
      <c r="A304" s="134"/>
      <c r="B304" s="134"/>
      <c r="C304" s="134"/>
      <c r="D304" s="134"/>
      <c r="E304" s="134"/>
      <c r="F304" s="134"/>
      <c r="G304" s="134"/>
      <c r="H304" s="134"/>
      <c r="I304" s="134"/>
      <c r="J304" s="134"/>
      <c r="K304" s="134"/>
      <c r="L304" s="134"/>
      <c r="M304" s="134"/>
      <c r="N304" s="45"/>
      <c r="O304" s="4"/>
      <c r="P304" s="4"/>
      <c r="Q304" s="6"/>
      <c r="R304" s="77"/>
    </row>
    <row r="305" spans="1:31" ht="12.75" customHeight="1">
      <c r="A305" s="134" t="s">
        <v>52</v>
      </c>
      <c r="B305" s="134"/>
      <c r="C305" s="134"/>
      <c r="D305" s="134"/>
      <c r="E305" s="134"/>
      <c r="F305" s="134"/>
      <c r="G305" s="134"/>
      <c r="H305" s="134"/>
      <c r="I305" s="134"/>
      <c r="J305" s="134"/>
      <c r="K305" s="134"/>
      <c r="L305" s="134"/>
      <c r="M305" s="134"/>
      <c r="P305" s="5"/>
      <c r="R305" s="77"/>
      <c r="S305" s="77"/>
      <c r="Z305" s="72"/>
      <c r="AA305" s="72"/>
      <c r="AB305" s="72"/>
      <c r="AC305" s="72"/>
      <c r="AD305" s="72"/>
      <c r="AE305" s="72"/>
    </row>
    <row r="306" spans="1:31">
      <c r="A306" s="135" t="s">
        <v>93</v>
      </c>
      <c r="B306" s="135"/>
      <c r="C306" s="135"/>
      <c r="D306" s="135"/>
      <c r="E306" s="135"/>
      <c r="F306" s="135"/>
      <c r="G306" s="135"/>
      <c r="H306" s="135"/>
      <c r="I306" s="135"/>
      <c r="J306" s="135"/>
      <c r="K306" s="135"/>
      <c r="L306" s="135"/>
      <c r="M306" s="135"/>
      <c r="N306" s="135"/>
      <c r="O306" s="4"/>
      <c r="P306" s="4"/>
      <c r="Q306" s="6"/>
      <c r="R306" s="77"/>
    </row>
    <row r="307" spans="1:31">
      <c r="A307" s="101"/>
      <c r="B307" s="101"/>
      <c r="C307" s="101"/>
      <c r="D307" s="101"/>
      <c r="E307" s="101"/>
      <c r="F307" s="101"/>
      <c r="G307" s="101"/>
      <c r="H307" s="101"/>
      <c r="I307" s="101"/>
      <c r="J307" s="101"/>
      <c r="K307" s="101"/>
      <c r="L307" s="101"/>
      <c r="M307" s="101"/>
      <c r="N307" s="101"/>
      <c r="O307" s="4"/>
      <c r="P307" s="4"/>
      <c r="Q307" s="6"/>
      <c r="R307" s="77"/>
    </row>
    <row r="308" spans="1:31">
      <c r="A308" s="14"/>
      <c r="B308" s="14"/>
      <c r="C308" s="16"/>
      <c r="D308" s="16"/>
      <c r="E308" s="16"/>
      <c r="F308" s="17"/>
      <c r="G308" s="24" t="s">
        <v>2</v>
      </c>
      <c r="H308" s="11"/>
      <c r="I308" s="11"/>
      <c r="J308" s="11"/>
      <c r="K308" s="102"/>
      <c r="L308" s="12"/>
      <c r="M308" s="102" t="s">
        <v>3</v>
      </c>
      <c r="N308" s="45"/>
      <c r="O308" s="4"/>
      <c r="P308" s="4"/>
      <c r="Q308" s="6"/>
      <c r="R308" s="77"/>
    </row>
    <row r="309" spans="1:31">
      <c r="A309" s="14"/>
      <c r="B309" s="14"/>
      <c r="C309" s="16"/>
      <c r="D309" s="16"/>
      <c r="E309" s="16"/>
      <c r="F309" s="74"/>
      <c r="G309" s="24" t="s">
        <v>4</v>
      </c>
      <c r="H309" s="79"/>
      <c r="I309" s="76" t="s">
        <v>5</v>
      </c>
      <c r="J309" s="13"/>
      <c r="K309" s="102" t="s">
        <v>6</v>
      </c>
      <c r="L309" s="12"/>
      <c r="M309" s="24" t="s">
        <v>4</v>
      </c>
      <c r="N309" s="45"/>
      <c r="O309" s="4"/>
      <c r="P309" s="4"/>
      <c r="Q309" s="6"/>
      <c r="R309" s="77"/>
    </row>
    <row r="310" spans="1:31">
      <c r="A310" s="14" t="s">
        <v>7</v>
      </c>
      <c r="B310" s="14"/>
      <c r="C310" s="16"/>
      <c r="D310" s="16"/>
      <c r="E310" s="17"/>
      <c r="F310" s="14"/>
      <c r="G310" s="76" t="s">
        <v>6</v>
      </c>
      <c r="H310" s="18"/>
      <c r="I310" s="80" t="s">
        <v>8</v>
      </c>
      <c r="K310" s="102" t="s">
        <v>9</v>
      </c>
      <c r="L310" s="12"/>
      <c r="M310" s="103" t="s">
        <v>10</v>
      </c>
      <c r="N310" s="45"/>
      <c r="O310" s="4"/>
      <c r="P310" s="4"/>
      <c r="Q310" s="6"/>
      <c r="R310" s="77"/>
    </row>
    <row r="311" spans="1:31">
      <c r="A311" s="19" t="s">
        <v>11</v>
      </c>
      <c r="B311" s="17"/>
      <c r="C311" s="20" t="s">
        <v>12</v>
      </c>
      <c r="D311" s="16"/>
      <c r="E311" s="21" t="s">
        <v>13</v>
      </c>
      <c r="F311" s="17"/>
      <c r="G311" s="22" t="s">
        <v>14</v>
      </c>
      <c r="H311" s="70"/>
      <c r="I311" s="88" t="s">
        <v>15</v>
      </c>
      <c r="K311" s="22" t="s">
        <v>16</v>
      </c>
      <c r="L311" s="12"/>
      <c r="M311" s="104" t="s">
        <v>17</v>
      </c>
      <c r="N311" s="45"/>
      <c r="O311" s="4"/>
      <c r="P311" s="4"/>
      <c r="Q311" s="6"/>
      <c r="R311" s="77"/>
    </row>
    <row r="312" spans="1:31">
      <c r="A312" s="14"/>
      <c r="B312" s="14"/>
      <c r="C312" s="16"/>
      <c r="D312" s="16"/>
      <c r="E312" s="75"/>
      <c r="F312" s="17"/>
      <c r="G312" s="70" t="s">
        <v>18</v>
      </c>
      <c r="H312" s="70"/>
      <c r="I312" s="76" t="s">
        <v>19</v>
      </c>
      <c r="K312" s="23" t="s">
        <v>20</v>
      </c>
      <c r="L312" s="24"/>
      <c r="M312" s="23" t="s">
        <v>21</v>
      </c>
      <c r="N312" s="45"/>
      <c r="O312" s="4"/>
      <c r="P312" s="4"/>
      <c r="Q312" s="6"/>
      <c r="R312" s="77"/>
    </row>
    <row r="313" spans="1:31">
      <c r="A313" s="70"/>
      <c r="B313" s="45"/>
      <c r="C313" s="105" t="s">
        <v>126</v>
      </c>
      <c r="D313" s="45"/>
      <c r="E313" s="16"/>
      <c r="F313" s="45"/>
      <c r="G313" s="45"/>
      <c r="H313" s="45"/>
      <c r="I313" s="45"/>
      <c r="J313" s="45"/>
      <c r="K313" s="45"/>
      <c r="L313" s="45"/>
      <c r="M313" s="115"/>
      <c r="N313" s="45"/>
      <c r="O313" s="4"/>
      <c r="P313" s="4"/>
      <c r="Q313" s="6"/>
      <c r="R313" s="77"/>
    </row>
    <row r="314" spans="1:31">
      <c r="A314" s="70">
        <f>MAX(A$12:A313)+1</f>
        <v>135</v>
      </c>
      <c r="B314" s="45"/>
      <c r="C314" s="45" t="s">
        <v>23</v>
      </c>
      <c r="D314" s="45"/>
      <c r="E314" s="14" t="s">
        <v>24</v>
      </c>
      <c r="F314" s="45"/>
      <c r="G314" s="27">
        <v>368.56</v>
      </c>
      <c r="H314" s="45"/>
      <c r="I314" s="27">
        <v>9.9382999999999697</v>
      </c>
      <c r="J314" s="45"/>
      <c r="K314" s="59">
        <v>0</v>
      </c>
      <c r="L314" s="45"/>
      <c r="M314" s="95">
        <f t="shared" ref="M314" si="41">G314+I314+K314</f>
        <v>378.49829999999997</v>
      </c>
      <c r="N314" s="45"/>
      <c r="O314" s="4"/>
      <c r="P314" s="4"/>
      <c r="Q314" s="6"/>
      <c r="R314" s="77"/>
    </row>
    <row r="315" spans="1:31">
      <c r="A315" s="70">
        <f>MAX(A$12:A314)+1</f>
        <v>136</v>
      </c>
      <c r="B315" s="45"/>
      <c r="C315" s="45" t="s">
        <v>127</v>
      </c>
      <c r="D315" s="45"/>
      <c r="E315" s="57" t="s">
        <v>27</v>
      </c>
      <c r="F315" s="45"/>
      <c r="G315" s="112">
        <v>6.5022000000000002</v>
      </c>
      <c r="H315" s="45"/>
      <c r="I315" s="131">
        <v>-0.38291788420788375</v>
      </c>
      <c r="J315" s="132"/>
      <c r="K315" s="131">
        <v>0</v>
      </c>
      <c r="L315" s="132"/>
      <c r="M315" s="133">
        <v>6.1192821157921164</v>
      </c>
      <c r="N315" s="45"/>
      <c r="O315" s="4"/>
      <c r="P315" s="4"/>
      <c r="Q315" s="6"/>
      <c r="R315" s="77"/>
    </row>
    <row r="316" spans="1:31">
      <c r="A316" s="70"/>
      <c r="B316" s="45"/>
      <c r="C316" s="16"/>
      <c r="D316" s="45"/>
      <c r="E316" s="16"/>
      <c r="F316" s="45"/>
      <c r="G316" s="112"/>
      <c r="H316" s="45"/>
      <c r="I316" s="34"/>
      <c r="J316" s="45"/>
      <c r="K316" s="112"/>
      <c r="L316" s="45"/>
      <c r="M316" s="116"/>
      <c r="N316" s="45"/>
      <c r="O316" s="4"/>
      <c r="P316" s="4"/>
      <c r="Q316" s="6"/>
      <c r="R316" s="77"/>
    </row>
    <row r="317" spans="1:31">
      <c r="A317" s="70"/>
      <c r="B317" s="45"/>
      <c r="C317" s="45" t="s">
        <v>128</v>
      </c>
      <c r="D317" s="45"/>
      <c r="E317" s="16"/>
      <c r="F317" s="45"/>
      <c r="G317" s="117"/>
      <c r="H317" s="45"/>
      <c r="I317" s="31"/>
      <c r="J317" s="45"/>
      <c r="K317" s="112"/>
      <c r="L317" s="45"/>
      <c r="M317" s="96"/>
      <c r="N317" s="45"/>
      <c r="O317" s="4"/>
      <c r="P317" s="4"/>
      <c r="Q317" s="6"/>
      <c r="R317" s="77"/>
    </row>
    <row r="318" spans="1:31">
      <c r="A318" s="70">
        <f>MAX(A$12:A317)+1</f>
        <v>137</v>
      </c>
      <c r="B318" s="45"/>
      <c r="C318" s="41" t="s">
        <v>129</v>
      </c>
      <c r="D318" s="45"/>
      <c r="E318" s="57" t="s">
        <v>27</v>
      </c>
      <c r="F318" s="45"/>
      <c r="G318" s="112">
        <v>1.4847999999999999</v>
      </c>
      <c r="H318" s="45"/>
      <c r="I318" s="59">
        <v>0</v>
      </c>
      <c r="J318" s="45"/>
      <c r="K318" s="59">
        <v>0</v>
      </c>
      <c r="L318" s="45"/>
      <c r="M318" s="94">
        <f t="shared" ref="M318:M319" si="42">G318+I318+K318</f>
        <v>1.4847999999999999</v>
      </c>
      <c r="N318" s="45"/>
      <c r="O318" s="4"/>
      <c r="P318" s="4"/>
      <c r="Q318" s="6"/>
      <c r="R318" s="77"/>
    </row>
    <row r="319" spans="1:31">
      <c r="A319" s="70">
        <f>MAX(A$12:A318)+1</f>
        <v>138</v>
      </c>
      <c r="B319" s="45"/>
      <c r="C319" s="41" t="s">
        <v>130</v>
      </c>
      <c r="D319" s="45"/>
      <c r="E319" s="57" t="s">
        <v>27</v>
      </c>
      <c r="F319" s="45"/>
      <c r="G319" s="112">
        <v>675.94839999999999</v>
      </c>
      <c r="H319" s="45"/>
      <c r="I319" s="59">
        <v>0</v>
      </c>
      <c r="J319" s="45"/>
      <c r="K319" s="59">
        <v>0</v>
      </c>
      <c r="L319" s="45"/>
      <c r="M319" s="94">
        <f t="shared" si="42"/>
        <v>675.94839999999999</v>
      </c>
      <c r="N319" s="45"/>
      <c r="O319" s="4"/>
      <c r="P319" s="4"/>
      <c r="Q319" s="6"/>
      <c r="R319" s="77"/>
    </row>
    <row r="320" spans="1:31">
      <c r="A320" s="70"/>
      <c r="B320" s="45"/>
      <c r="C320" s="41"/>
      <c r="D320" s="45"/>
      <c r="E320" s="16"/>
      <c r="F320" s="45"/>
      <c r="G320" s="112"/>
      <c r="H320" s="45"/>
      <c r="I320" s="34"/>
      <c r="J320" s="45"/>
      <c r="K320" s="112"/>
      <c r="L320" s="45"/>
      <c r="M320" s="34"/>
      <c r="N320" s="45"/>
      <c r="O320" s="4"/>
      <c r="P320" s="4"/>
      <c r="Q320" s="6"/>
      <c r="R320" s="77"/>
    </row>
    <row r="321" spans="1:18">
      <c r="A321" s="70"/>
      <c r="B321" s="45"/>
      <c r="C321" s="106" t="s">
        <v>42</v>
      </c>
      <c r="D321" s="45"/>
      <c r="E321" s="16"/>
      <c r="F321" s="45"/>
      <c r="G321" s="112"/>
      <c r="H321" s="45"/>
      <c r="I321" s="45"/>
      <c r="J321" s="45"/>
      <c r="K321" s="45"/>
      <c r="L321" s="45"/>
      <c r="M321" s="45"/>
      <c r="N321" s="45"/>
      <c r="O321" s="4"/>
      <c r="P321" s="4"/>
      <c r="Q321" s="6"/>
      <c r="R321" s="77"/>
    </row>
    <row r="322" spans="1:18">
      <c r="A322" s="70">
        <f>MAX(A$12:A321)+1</f>
        <v>139</v>
      </c>
      <c r="B322" s="45"/>
      <c r="C322" s="45" t="s">
        <v>23</v>
      </c>
      <c r="D322" s="45"/>
      <c r="E322" s="24" t="s">
        <v>24</v>
      </c>
      <c r="F322" s="45"/>
      <c r="G322" s="27">
        <v>1621.86</v>
      </c>
      <c r="H322" s="45"/>
      <c r="I322" s="27">
        <v>43.706900000000132</v>
      </c>
      <c r="J322" s="45"/>
      <c r="K322" s="59">
        <v>0</v>
      </c>
      <c r="L322" s="45"/>
      <c r="M322" s="27">
        <f t="shared" ref="M322:M324" si="43">G322+I322+K322</f>
        <v>1665.5669</v>
      </c>
      <c r="N322" s="45"/>
      <c r="O322" s="4"/>
      <c r="P322" s="4"/>
      <c r="Q322" s="6"/>
      <c r="R322" s="77"/>
    </row>
    <row r="323" spans="1:18">
      <c r="A323" s="70">
        <f>MAX(A$12:A322)+1</f>
        <v>140</v>
      </c>
      <c r="B323" s="45"/>
      <c r="C323" s="45" t="s">
        <v>43</v>
      </c>
      <c r="D323" s="45"/>
      <c r="E323" s="14" t="s">
        <v>44</v>
      </c>
      <c r="F323" s="45"/>
      <c r="G323" s="112">
        <v>19.945999999999998</v>
      </c>
      <c r="H323" s="45"/>
      <c r="I323" s="31">
        <v>-6.7300000000003024E-2</v>
      </c>
      <c r="J323" s="45"/>
      <c r="K323" s="59">
        <v>0</v>
      </c>
      <c r="L323" s="45"/>
      <c r="M323" s="34">
        <f t="shared" si="43"/>
        <v>19.878699999999995</v>
      </c>
      <c r="N323" s="45"/>
      <c r="O323" s="4"/>
      <c r="P323" s="4"/>
      <c r="Q323" s="6"/>
      <c r="R323" s="77"/>
    </row>
    <row r="324" spans="1:18">
      <c r="A324" s="70">
        <f>MAX(A$12:A323)+1</f>
        <v>141</v>
      </c>
      <c r="B324" s="45"/>
      <c r="C324" s="45" t="s">
        <v>25</v>
      </c>
      <c r="D324" s="45"/>
      <c r="E324" s="14" t="s">
        <v>27</v>
      </c>
      <c r="F324" s="45"/>
      <c r="G324" s="112">
        <v>0.28670000000000001</v>
      </c>
      <c r="H324" s="45"/>
      <c r="I324" s="31">
        <v>-1.4000000000000123E-3</v>
      </c>
      <c r="J324" s="45"/>
      <c r="K324" s="61">
        <v>0</v>
      </c>
      <c r="L324" s="45"/>
      <c r="M324" s="34">
        <f t="shared" si="43"/>
        <v>0.2853</v>
      </c>
      <c r="N324" s="45"/>
      <c r="O324" s="4"/>
      <c r="P324" s="4"/>
      <c r="Q324" s="6"/>
      <c r="R324" s="77"/>
    </row>
    <row r="325" spans="1:18">
      <c r="A325" s="70"/>
      <c r="B325" s="45"/>
      <c r="C325" s="16"/>
      <c r="D325" s="45"/>
      <c r="E325" s="16"/>
      <c r="F325" s="45"/>
      <c r="G325" s="112"/>
      <c r="H325" s="45"/>
      <c r="I325" s="31"/>
      <c r="J325" s="45"/>
      <c r="K325" s="112"/>
      <c r="L325" s="45"/>
      <c r="M325" s="112"/>
      <c r="N325" s="45"/>
      <c r="O325" s="4"/>
      <c r="P325" s="4"/>
      <c r="Q325" s="6"/>
      <c r="R325" s="77"/>
    </row>
    <row r="326" spans="1:18">
      <c r="A326" s="70"/>
      <c r="B326" s="45"/>
      <c r="C326" s="45" t="s">
        <v>116</v>
      </c>
      <c r="D326" s="45"/>
      <c r="E326" s="16"/>
      <c r="F326" s="45"/>
      <c r="G326" s="112"/>
      <c r="H326" s="45"/>
      <c r="I326" s="45"/>
      <c r="J326" s="45"/>
      <c r="K326" s="45"/>
      <c r="L326" s="45"/>
      <c r="M326" s="45"/>
      <c r="N326" s="45"/>
      <c r="O326" s="4"/>
      <c r="P326" s="4"/>
      <c r="Q326" s="6"/>
      <c r="R326" s="77"/>
    </row>
    <row r="327" spans="1:18">
      <c r="A327" s="70">
        <f>MAX(A$12:A326)+1</f>
        <v>142</v>
      </c>
      <c r="B327" s="45"/>
      <c r="C327" s="109" t="s">
        <v>117</v>
      </c>
      <c r="D327" s="45"/>
      <c r="E327" s="14" t="s">
        <v>44</v>
      </c>
      <c r="F327" s="45"/>
      <c r="G327" s="112">
        <v>54.449599999999997</v>
      </c>
      <c r="H327" s="45"/>
      <c r="I327" s="31">
        <v>0.27001398901326468</v>
      </c>
      <c r="J327" s="45"/>
      <c r="K327" s="59">
        <v>0</v>
      </c>
      <c r="L327" s="45"/>
      <c r="M327" s="31">
        <f t="shared" ref="M327:M328" si="44">G327+I327+K327</f>
        <v>54.719613989013261</v>
      </c>
      <c r="N327" s="45"/>
      <c r="O327" s="4"/>
      <c r="P327" s="4"/>
      <c r="Q327" s="6"/>
      <c r="R327" s="77"/>
    </row>
    <row r="328" spans="1:18">
      <c r="A328" s="70">
        <f>MAX(A$12:A327)+1</f>
        <v>143</v>
      </c>
      <c r="B328" s="45"/>
      <c r="C328" s="109" t="s">
        <v>118</v>
      </c>
      <c r="D328" s="45"/>
      <c r="E328" s="14" t="s">
        <v>44</v>
      </c>
      <c r="F328" s="45"/>
      <c r="G328" s="112">
        <v>86.578999999999994</v>
      </c>
      <c r="H328" s="45"/>
      <c r="I328" s="31">
        <v>0.22910228827915091</v>
      </c>
      <c r="J328" s="45"/>
      <c r="K328" s="59">
        <v>0</v>
      </c>
      <c r="L328" s="45"/>
      <c r="M328" s="31">
        <f t="shared" si="44"/>
        <v>86.808102288279144</v>
      </c>
      <c r="N328" s="45"/>
      <c r="O328" s="4"/>
      <c r="P328" s="4"/>
      <c r="Q328" s="6"/>
      <c r="R328" s="77"/>
    </row>
    <row r="329" spans="1:18">
      <c r="A329" s="70"/>
      <c r="B329" s="45"/>
      <c r="C329" s="45" t="s">
        <v>131</v>
      </c>
      <c r="D329" s="45"/>
      <c r="E329" s="16"/>
      <c r="F329" s="45"/>
      <c r="G329" s="112"/>
      <c r="H329" s="45"/>
      <c r="I329" s="45"/>
      <c r="J329" s="45"/>
      <c r="K329" s="45"/>
      <c r="L329" s="45"/>
      <c r="M329" s="34"/>
      <c r="N329" s="45"/>
      <c r="O329" s="4"/>
      <c r="P329" s="4"/>
      <c r="Q329" s="6"/>
      <c r="R329" s="77"/>
    </row>
    <row r="330" spans="1:18">
      <c r="A330" s="70">
        <f>MAX(A$12:A329)+1</f>
        <v>144</v>
      </c>
      <c r="B330" s="45"/>
      <c r="C330" s="109" t="s">
        <v>117</v>
      </c>
      <c r="D330" s="45"/>
      <c r="E330" s="14" t="s">
        <v>27</v>
      </c>
      <c r="F330" s="45"/>
      <c r="G330" s="112">
        <v>3.0543999999999998</v>
      </c>
      <c r="H330" s="45"/>
      <c r="I330" s="31">
        <v>8.9875229730287387E-3</v>
      </c>
      <c r="J330" s="45"/>
      <c r="K330" s="59">
        <v>0</v>
      </c>
      <c r="L330" s="45"/>
      <c r="M330" s="31">
        <f t="shared" ref="M330:M331" si="45">G330+I330+K330</f>
        <v>3.0633875229730285</v>
      </c>
      <c r="N330" s="45"/>
      <c r="O330" s="4"/>
      <c r="P330" s="4"/>
      <c r="Q330" s="6"/>
      <c r="R330" s="77"/>
    </row>
    <row r="331" spans="1:18">
      <c r="A331" s="70">
        <f>MAX(A$12:A330)+1</f>
        <v>145</v>
      </c>
      <c r="B331" s="45"/>
      <c r="C331" s="109" t="s">
        <v>118</v>
      </c>
      <c r="D331" s="45"/>
      <c r="E331" s="14" t="s">
        <v>27</v>
      </c>
      <c r="F331" s="45"/>
      <c r="G331" s="112">
        <v>4.9512999999999998</v>
      </c>
      <c r="H331" s="45"/>
      <c r="I331" s="31">
        <v>7.3210695684888805E-3</v>
      </c>
      <c r="J331" s="45"/>
      <c r="K331" s="59">
        <v>0</v>
      </c>
      <c r="L331" s="45"/>
      <c r="M331" s="31">
        <f t="shared" si="45"/>
        <v>4.9586210695684887</v>
      </c>
      <c r="N331" s="45"/>
      <c r="O331" s="4"/>
      <c r="P331" s="4"/>
      <c r="Q331" s="6"/>
      <c r="R331" s="77"/>
    </row>
    <row r="332" spans="1:18">
      <c r="A332" s="70"/>
      <c r="B332" s="45"/>
      <c r="C332" s="45" t="s">
        <v>132</v>
      </c>
      <c r="D332" s="45"/>
      <c r="E332" s="16"/>
      <c r="F332" s="45"/>
      <c r="G332" s="112"/>
      <c r="H332" s="45"/>
      <c r="I332" s="45"/>
      <c r="J332" s="45"/>
      <c r="K332" s="45"/>
      <c r="L332" s="45"/>
      <c r="M332" s="34"/>
      <c r="N332" s="45"/>
      <c r="O332" s="4"/>
      <c r="P332" s="4"/>
      <c r="Q332" s="6"/>
      <c r="R332" s="77"/>
    </row>
    <row r="333" spans="1:18">
      <c r="A333" s="70">
        <f>MAX(A$12:A332)+1</f>
        <v>146</v>
      </c>
      <c r="B333" s="45"/>
      <c r="C333" s="109" t="s">
        <v>117</v>
      </c>
      <c r="D333" s="45"/>
      <c r="E333" s="14" t="s">
        <v>27</v>
      </c>
      <c r="F333" s="45"/>
      <c r="G333" s="61">
        <v>0</v>
      </c>
      <c r="H333" s="61"/>
      <c r="I333" s="61">
        <v>0</v>
      </c>
      <c r="J333" s="61"/>
      <c r="K333" s="59">
        <v>0</v>
      </c>
      <c r="L333" s="61"/>
      <c r="M333" s="61">
        <f t="shared" ref="M333:M334" si="46">G333+I333+K333</f>
        <v>0</v>
      </c>
      <c r="N333" s="45"/>
      <c r="O333" s="4"/>
      <c r="P333" s="4"/>
      <c r="Q333" s="6"/>
      <c r="R333" s="77"/>
    </row>
    <row r="334" spans="1:18">
      <c r="A334" s="70">
        <f>MAX(A$12:A333)+1</f>
        <v>147</v>
      </c>
      <c r="B334" s="45"/>
      <c r="C334" s="109" t="s">
        <v>118</v>
      </c>
      <c r="D334" s="45"/>
      <c r="E334" s="14" t="s">
        <v>27</v>
      </c>
      <c r="F334" s="45"/>
      <c r="G334" s="61">
        <v>0</v>
      </c>
      <c r="H334" s="61"/>
      <c r="I334" s="61">
        <v>0</v>
      </c>
      <c r="J334" s="61"/>
      <c r="K334" s="59">
        <v>0</v>
      </c>
      <c r="L334" s="61"/>
      <c r="M334" s="61">
        <f t="shared" si="46"/>
        <v>0</v>
      </c>
      <c r="N334" s="45"/>
      <c r="O334" s="4"/>
      <c r="P334" s="4"/>
      <c r="Q334" s="6"/>
      <c r="R334" s="77"/>
    </row>
    <row r="335" spans="1:18">
      <c r="A335" s="70"/>
      <c r="B335" s="45"/>
      <c r="C335" s="109"/>
      <c r="D335" s="45"/>
      <c r="E335" s="14"/>
      <c r="F335" s="45"/>
      <c r="G335" s="61"/>
      <c r="H335" s="61"/>
      <c r="I335" s="61"/>
      <c r="J335" s="61"/>
      <c r="K335" s="59"/>
      <c r="L335" s="61"/>
      <c r="M335" s="61"/>
      <c r="N335" s="45"/>
      <c r="O335" s="4"/>
      <c r="P335" s="4"/>
      <c r="Q335" s="6"/>
      <c r="R335" s="77"/>
    </row>
    <row r="336" spans="1:18">
      <c r="A336" s="70"/>
      <c r="B336" s="45"/>
      <c r="C336" s="45" t="s">
        <v>133</v>
      </c>
      <c r="D336" s="45"/>
      <c r="E336" s="16"/>
      <c r="F336" s="45"/>
      <c r="G336" s="112"/>
      <c r="H336" s="45"/>
      <c r="I336" s="45"/>
      <c r="J336" s="45"/>
      <c r="K336" s="45"/>
      <c r="L336" s="45"/>
      <c r="M336" s="34"/>
      <c r="N336" s="45"/>
      <c r="O336" s="4"/>
      <c r="P336" s="4"/>
      <c r="Q336" s="6"/>
      <c r="R336" s="77"/>
    </row>
    <row r="337" spans="1:31">
      <c r="A337" s="70">
        <f>MAX(A$12:A336)+1</f>
        <v>148</v>
      </c>
      <c r="B337" s="45"/>
      <c r="C337" s="109" t="s">
        <v>134</v>
      </c>
      <c r="D337" s="45"/>
      <c r="E337" s="14" t="s">
        <v>123</v>
      </c>
      <c r="F337" s="45"/>
      <c r="G337" s="114">
        <v>17.948</v>
      </c>
      <c r="H337" s="114"/>
      <c r="I337" s="50">
        <v>0.2126480833042379</v>
      </c>
      <c r="J337" s="114"/>
      <c r="K337" s="59">
        <v>0</v>
      </c>
      <c r="L337" s="114"/>
      <c r="M337" s="62">
        <f t="shared" ref="M337:M341" si="47">G337+I337+K337</f>
        <v>18.160648083304238</v>
      </c>
      <c r="N337" s="45"/>
      <c r="O337" s="4"/>
      <c r="P337" s="4"/>
      <c r="Q337" s="6"/>
      <c r="R337" s="77"/>
    </row>
    <row r="338" spans="1:31">
      <c r="A338" s="70">
        <f>MAX(A$12:A337)+1</f>
        <v>149</v>
      </c>
      <c r="B338" s="45"/>
      <c r="C338" s="109" t="s">
        <v>135</v>
      </c>
      <c r="D338" s="45"/>
      <c r="E338" s="24" t="s">
        <v>125</v>
      </c>
      <c r="F338" s="45"/>
      <c r="G338" s="114">
        <v>0.22500000000000001</v>
      </c>
      <c r="H338" s="114"/>
      <c r="I338" s="50">
        <v>5.6176086781063173E-3</v>
      </c>
      <c r="J338" s="114"/>
      <c r="K338" s="59">
        <v>0</v>
      </c>
      <c r="L338" s="114"/>
      <c r="M338" s="62">
        <f t="shared" si="47"/>
        <v>0.23061760867810632</v>
      </c>
      <c r="N338" s="45"/>
      <c r="O338" s="4"/>
      <c r="P338" s="4"/>
      <c r="Q338" s="6"/>
      <c r="R338" s="77"/>
    </row>
    <row r="339" spans="1:31">
      <c r="A339" s="70"/>
      <c r="B339" s="45"/>
      <c r="C339" s="109"/>
      <c r="D339" s="45"/>
      <c r="E339" s="24"/>
      <c r="F339" s="45"/>
      <c r="G339" s="114"/>
      <c r="H339" s="114"/>
      <c r="I339" s="62"/>
      <c r="J339" s="114"/>
      <c r="K339" s="59"/>
      <c r="L339" s="114"/>
      <c r="M339" s="62"/>
      <c r="N339" s="45"/>
      <c r="O339" s="4"/>
      <c r="P339" s="4"/>
      <c r="Q339" s="6"/>
      <c r="R339" s="77"/>
    </row>
    <row r="340" spans="1:31">
      <c r="A340" s="70">
        <f>MAX(A$12:A338)+1</f>
        <v>150</v>
      </c>
      <c r="B340" s="45"/>
      <c r="C340" s="41" t="s">
        <v>103</v>
      </c>
      <c r="D340" s="45"/>
      <c r="E340" s="14" t="s">
        <v>27</v>
      </c>
      <c r="F340" s="45"/>
      <c r="G340" s="112">
        <v>10.643400000000002</v>
      </c>
      <c r="H340" s="45"/>
      <c r="I340" s="34">
        <f>I297</f>
        <v>5.6000000000011596E-3</v>
      </c>
      <c r="J340" s="45"/>
      <c r="K340" s="59">
        <v>0</v>
      </c>
      <c r="L340" s="45"/>
      <c r="M340" s="93">
        <f t="shared" si="47"/>
        <v>10.649000000000003</v>
      </c>
      <c r="N340" s="45"/>
      <c r="O340" s="4"/>
      <c r="P340" s="4"/>
      <c r="Q340" s="6"/>
      <c r="R340" s="77"/>
    </row>
    <row r="341" spans="1:31">
      <c r="A341" s="70">
        <f>MAX(A$12:A340)+1</f>
        <v>151</v>
      </c>
      <c r="B341" s="45"/>
      <c r="C341" s="41" t="s">
        <v>104</v>
      </c>
      <c r="D341" s="45"/>
      <c r="E341" s="14" t="s">
        <v>27</v>
      </c>
      <c r="F341" s="45"/>
      <c r="G341" s="112">
        <v>12.181700000000001</v>
      </c>
      <c r="H341" s="45"/>
      <c r="I341" s="34">
        <f>I298</f>
        <v>5.6000000000011596E-3</v>
      </c>
      <c r="J341" s="45"/>
      <c r="K341" s="59">
        <v>0</v>
      </c>
      <c r="L341" s="45"/>
      <c r="M341" s="93">
        <f t="shared" si="47"/>
        <v>12.187300000000002</v>
      </c>
      <c r="N341" s="45"/>
      <c r="O341" s="4"/>
      <c r="P341" s="4"/>
      <c r="Q341" s="6"/>
      <c r="R341" s="77"/>
    </row>
    <row r="342" spans="1:31">
      <c r="A342" s="70"/>
      <c r="B342" s="45"/>
      <c r="C342" s="109"/>
      <c r="D342" s="45"/>
      <c r="E342" s="16"/>
      <c r="F342" s="45"/>
      <c r="G342" s="112"/>
      <c r="H342" s="45"/>
      <c r="I342" s="34"/>
      <c r="J342" s="45"/>
      <c r="K342" s="45"/>
      <c r="L342" s="45"/>
      <c r="M342" s="45"/>
      <c r="N342" s="45"/>
      <c r="O342" s="4"/>
      <c r="P342" s="4"/>
      <c r="Q342" s="6"/>
      <c r="R342" s="77"/>
    </row>
    <row r="343" spans="1:31">
      <c r="A343" s="70"/>
      <c r="B343" s="45"/>
      <c r="C343" s="16"/>
      <c r="D343" s="45"/>
      <c r="E343" s="112"/>
      <c r="F343" s="45"/>
      <c r="G343" s="111"/>
      <c r="H343" s="45"/>
      <c r="I343" s="45"/>
      <c r="J343" s="45"/>
      <c r="K343" s="45"/>
      <c r="L343" s="45"/>
      <c r="M343" s="45"/>
      <c r="N343" s="45"/>
      <c r="O343" s="6"/>
      <c r="P343" s="6"/>
      <c r="Q343" s="6"/>
      <c r="R343" s="77"/>
    </row>
    <row r="344" spans="1:31">
      <c r="A344" s="70"/>
      <c r="B344" s="45"/>
      <c r="C344" s="109"/>
      <c r="D344" s="45"/>
      <c r="E344" s="112"/>
      <c r="F344" s="45"/>
      <c r="G344" s="111"/>
      <c r="H344" s="45"/>
      <c r="I344" s="45"/>
      <c r="J344" s="45"/>
      <c r="K344" s="45"/>
      <c r="L344" s="45"/>
      <c r="M344" s="45"/>
      <c r="N344" s="45"/>
      <c r="O344" s="6"/>
      <c r="P344" s="6"/>
      <c r="Q344" s="6"/>
      <c r="R344" s="77"/>
    </row>
    <row r="345" spans="1:31">
      <c r="A345" s="70"/>
      <c r="B345" s="45"/>
      <c r="C345" s="109"/>
      <c r="D345" s="45"/>
      <c r="E345" s="112"/>
      <c r="F345" s="45"/>
      <c r="G345" s="111"/>
      <c r="H345" s="45"/>
      <c r="I345" s="45"/>
      <c r="J345" s="45"/>
      <c r="K345" s="45"/>
      <c r="L345" s="45"/>
      <c r="M345" s="45"/>
      <c r="N345" s="45"/>
      <c r="O345" s="6"/>
      <c r="P345" s="6"/>
      <c r="Q345" s="6"/>
      <c r="R345" s="77"/>
    </row>
    <row r="346" spans="1:31">
      <c r="A346" s="70"/>
      <c r="B346" s="45"/>
      <c r="C346" s="109"/>
      <c r="D346" s="45"/>
      <c r="E346" s="112"/>
      <c r="F346" s="45"/>
      <c r="G346" s="111"/>
      <c r="H346" s="45"/>
      <c r="I346" s="45"/>
      <c r="J346" s="45"/>
      <c r="K346" s="45"/>
      <c r="L346" s="45"/>
      <c r="M346" s="45"/>
      <c r="N346" s="45"/>
      <c r="O346" s="6"/>
      <c r="P346" s="6"/>
      <c r="Q346" s="6"/>
      <c r="R346" s="77"/>
    </row>
    <row r="347" spans="1:31">
      <c r="A347" s="70"/>
      <c r="B347" s="45"/>
      <c r="C347" s="109"/>
      <c r="D347" s="45"/>
      <c r="E347" s="112"/>
      <c r="F347" s="45"/>
      <c r="G347" s="111"/>
      <c r="H347" s="45"/>
      <c r="I347" s="45"/>
      <c r="J347" s="45"/>
      <c r="K347" s="45"/>
      <c r="L347" s="45"/>
      <c r="M347" s="45"/>
      <c r="N347" s="45"/>
      <c r="O347" s="6"/>
      <c r="P347" s="6"/>
      <c r="Q347" s="6"/>
      <c r="R347" s="77"/>
    </row>
    <row r="348" spans="1:31">
      <c r="A348" s="134"/>
      <c r="B348" s="134"/>
      <c r="C348" s="134"/>
      <c r="D348" s="134"/>
      <c r="E348" s="134"/>
      <c r="F348" s="134"/>
      <c r="G348" s="134"/>
      <c r="H348" s="134"/>
      <c r="I348" s="134"/>
      <c r="J348" s="134"/>
      <c r="K348" s="134"/>
      <c r="L348" s="134"/>
      <c r="M348" s="134"/>
      <c r="Q348" s="6"/>
      <c r="R348" s="77"/>
    </row>
    <row r="349" spans="1:31" ht="12.75" customHeight="1">
      <c r="A349" s="134" t="s">
        <v>52</v>
      </c>
      <c r="B349" s="134"/>
      <c r="C349" s="134"/>
      <c r="D349" s="134"/>
      <c r="E349" s="134"/>
      <c r="F349" s="134"/>
      <c r="G349" s="134"/>
      <c r="H349" s="134"/>
      <c r="I349" s="134"/>
      <c r="J349" s="134"/>
      <c r="K349" s="134"/>
      <c r="L349" s="134"/>
      <c r="M349" s="134"/>
      <c r="P349" s="5"/>
      <c r="R349" s="77"/>
      <c r="S349" s="77"/>
      <c r="Z349" s="72"/>
      <c r="AA349" s="72"/>
      <c r="AB349" s="72"/>
      <c r="AC349" s="72"/>
      <c r="AD349" s="72"/>
      <c r="AE349" s="72"/>
    </row>
    <row r="350" spans="1:31">
      <c r="A350" s="134" t="s">
        <v>136</v>
      </c>
      <c r="B350" s="134"/>
      <c r="C350" s="134"/>
      <c r="D350" s="134"/>
      <c r="E350" s="134"/>
      <c r="F350" s="134"/>
      <c r="G350" s="134"/>
      <c r="H350" s="134"/>
      <c r="I350" s="134"/>
      <c r="J350" s="134"/>
      <c r="K350" s="134"/>
      <c r="L350" s="134"/>
      <c r="M350" s="134"/>
      <c r="Q350" s="6"/>
      <c r="R350" s="77"/>
    </row>
    <row r="351" spans="1:31">
      <c r="A351" s="100"/>
      <c r="B351" s="100"/>
      <c r="C351" s="100"/>
      <c r="D351" s="100"/>
      <c r="E351" s="100"/>
      <c r="F351" s="100"/>
      <c r="G351" s="100"/>
      <c r="H351" s="100"/>
      <c r="I351" s="100"/>
      <c r="J351" s="100"/>
      <c r="K351" s="100"/>
      <c r="L351" s="100"/>
      <c r="M351" s="100"/>
      <c r="Q351" s="6"/>
      <c r="R351" s="77"/>
    </row>
    <row r="352" spans="1:31">
      <c r="A352" s="70"/>
      <c r="B352" s="14"/>
      <c r="C352" s="16"/>
      <c r="D352" s="16"/>
      <c r="E352" s="16"/>
      <c r="F352" s="17"/>
      <c r="G352" s="24" t="s">
        <v>2</v>
      </c>
      <c r="H352" s="11"/>
      <c r="I352" s="11"/>
      <c r="J352" s="11"/>
      <c r="K352" s="102"/>
      <c r="L352" s="12"/>
      <c r="M352" s="102" t="s">
        <v>3</v>
      </c>
      <c r="N352" s="18"/>
      <c r="Q352" s="6"/>
      <c r="R352" s="77"/>
    </row>
    <row r="353" spans="1:18">
      <c r="A353" s="70"/>
      <c r="B353" s="14"/>
      <c r="C353" s="16"/>
      <c r="D353" s="16"/>
      <c r="E353" s="16"/>
      <c r="F353" s="74"/>
      <c r="G353" s="24" t="s">
        <v>4</v>
      </c>
      <c r="H353" s="79"/>
      <c r="I353" s="76" t="s">
        <v>5</v>
      </c>
      <c r="J353" s="13"/>
      <c r="K353" s="102" t="s">
        <v>6</v>
      </c>
      <c r="L353" s="12"/>
      <c r="M353" s="24" t="s">
        <v>4</v>
      </c>
      <c r="N353" s="18"/>
      <c r="Q353" s="6"/>
      <c r="R353" s="77"/>
    </row>
    <row r="354" spans="1:18">
      <c r="A354" s="70" t="s">
        <v>7</v>
      </c>
      <c r="B354" s="14"/>
      <c r="C354" s="16"/>
      <c r="D354" s="16"/>
      <c r="E354" s="17"/>
      <c r="F354" s="14"/>
      <c r="G354" s="76" t="s">
        <v>6</v>
      </c>
      <c r="H354" s="18"/>
      <c r="I354" s="80" t="s">
        <v>8</v>
      </c>
      <c r="K354" s="102" t="s">
        <v>9</v>
      </c>
      <c r="L354" s="12"/>
      <c r="M354" s="103" t="s">
        <v>10</v>
      </c>
      <c r="N354" s="18"/>
      <c r="Q354" s="6"/>
      <c r="R354" s="77"/>
    </row>
    <row r="355" spans="1:18">
      <c r="A355" s="69" t="s">
        <v>11</v>
      </c>
      <c r="B355" s="17"/>
      <c r="C355" s="20" t="s">
        <v>12</v>
      </c>
      <c r="D355" s="16"/>
      <c r="E355" s="21" t="s">
        <v>13</v>
      </c>
      <c r="F355" s="17"/>
      <c r="G355" s="22" t="s">
        <v>14</v>
      </c>
      <c r="H355" s="70"/>
      <c r="I355" s="88" t="s">
        <v>15</v>
      </c>
      <c r="K355" s="22" t="s">
        <v>16</v>
      </c>
      <c r="L355" s="12"/>
      <c r="M355" s="104" t="s">
        <v>17</v>
      </c>
      <c r="N355" s="24"/>
      <c r="Q355" s="6"/>
      <c r="R355" s="77"/>
    </row>
    <row r="356" spans="1:18">
      <c r="A356" s="70"/>
      <c r="B356" s="14"/>
      <c r="C356" s="16"/>
      <c r="D356" s="16"/>
      <c r="E356" s="75"/>
      <c r="F356" s="17"/>
      <c r="G356" s="70" t="s">
        <v>18</v>
      </c>
      <c r="H356" s="70"/>
      <c r="I356" s="76" t="s">
        <v>19</v>
      </c>
      <c r="K356" s="23" t="s">
        <v>20</v>
      </c>
      <c r="L356" s="24"/>
      <c r="M356" s="23" t="s">
        <v>21</v>
      </c>
      <c r="N356" s="23"/>
      <c r="Q356" s="6"/>
      <c r="R356" s="77"/>
    </row>
    <row r="357" spans="1:18">
      <c r="A357" s="70"/>
      <c r="B357" s="14"/>
      <c r="C357" s="105" t="s">
        <v>137</v>
      </c>
      <c r="D357" s="16"/>
      <c r="E357" s="75"/>
      <c r="F357" s="17"/>
      <c r="G357" s="70"/>
      <c r="H357" s="70"/>
      <c r="I357" s="76"/>
      <c r="K357" s="23"/>
      <c r="L357" s="24"/>
      <c r="M357" s="23"/>
      <c r="N357" s="23"/>
      <c r="Q357" s="6"/>
      <c r="R357" s="77"/>
    </row>
    <row r="358" spans="1:18">
      <c r="A358" s="70">
        <f>MAX(A$12:A357)+1</f>
        <v>152</v>
      </c>
      <c r="B358" s="45"/>
      <c r="C358" s="45" t="s">
        <v>23</v>
      </c>
      <c r="D358" s="45"/>
      <c r="E358" s="58" t="s">
        <v>24</v>
      </c>
      <c r="F358" s="45"/>
      <c r="G358" s="27">
        <v>23.98</v>
      </c>
      <c r="H358" s="45"/>
      <c r="I358" s="27">
        <v>2.8719999999999999</v>
      </c>
      <c r="J358" s="45"/>
      <c r="K358" s="59">
        <v>0</v>
      </c>
      <c r="L358" s="45"/>
      <c r="M358" s="27">
        <f t="shared" ref="M358" si="48">G358+I358+K358</f>
        <v>26.852</v>
      </c>
      <c r="N358" s="45"/>
      <c r="O358" s="4"/>
      <c r="P358" s="4"/>
      <c r="Q358" s="6"/>
      <c r="R358" s="77"/>
    </row>
    <row r="359" spans="1:18">
      <c r="A359" s="70"/>
      <c r="B359" s="45"/>
      <c r="C359" s="45" t="s">
        <v>25</v>
      </c>
      <c r="D359" s="45"/>
      <c r="E359" s="112"/>
      <c r="F359" s="45"/>
      <c r="G359" s="27"/>
      <c r="H359" s="45"/>
      <c r="I359" s="27"/>
      <c r="J359" s="45"/>
      <c r="K359" s="111"/>
      <c r="L359" s="45"/>
      <c r="M359" s="27"/>
      <c r="N359" s="45"/>
      <c r="O359" s="4"/>
      <c r="P359" s="4"/>
      <c r="Q359" s="6"/>
      <c r="R359" s="77"/>
    </row>
    <row r="360" spans="1:18" ht="15.6">
      <c r="A360" s="70">
        <f>MAX(A$12:A359)+1</f>
        <v>153</v>
      </c>
      <c r="B360" s="45"/>
      <c r="C360" s="45" t="s">
        <v>138</v>
      </c>
      <c r="D360" s="45"/>
      <c r="E360" s="57" t="s">
        <v>27</v>
      </c>
      <c r="F360" s="45"/>
      <c r="G360" s="111">
        <v>6.4257999999999997</v>
      </c>
      <c r="H360" s="45"/>
      <c r="I360" s="31">
        <v>-0.62589999999999968</v>
      </c>
      <c r="J360" s="45"/>
      <c r="K360" s="31">
        <v>5.4000000000000003E-3</v>
      </c>
      <c r="L360" s="45"/>
      <c r="M360" s="34">
        <f t="shared" ref="M360:M362" si="49">G360+I360+K360</f>
        <v>5.8052999999999999</v>
      </c>
      <c r="N360" s="45"/>
      <c r="O360" s="4"/>
      <c r="P360" s="4"/>
      <c r="Q360" s="6"/>
      <c r="R360" s="77"/>
    </row>
    <row r="361" spans="1:18" ht="15.6">
      <c r="A361" s="70">
        <f>MAX(A$12:A360)+1</f>
        <v>154</v>
      </c>
      <c r="B361" s="45"/>
      <c r="C361" s="15" t="s">
        <v>139</v>
      </c>
      <c r="D361" s="45"/>
      <c r="E361" s="57" t="s">
        <v>27</v>
      </c>
      <c r="F361" s="45"/>
      <c r="G361" s="111">
        <v>6.1133999999999995</v>
      </c>
      <c r="H361" s="45"/>
      <c r="I361" s="31">
        <v>-0.58370000000000033</v>
      </c>
      <c r="J361" s="45"/>
      <c r="K361" s="31">
        <v>5.4000000000000003E-3</v>
      </c>
      <c r="L361" s="45"/>
      <c r="M361" s="34">
        <f t="shared" si="49"/>
        <v>5.535099999999999</v>
      </c>
      <c r="N361" s="45"/>
      <c r="O361" s="4"/>
      <c r="P361" s="4"/>
      <c r="Q361" s="6"/>
      <c r="R361" s="77"/>
    </row>
    <row r="362" spans="1:18" ht="15.6">
      <c r="A362" s="70">
        <f>MAX(A$12:A361)+1</f>
        <v>155</v>
      </c>
      <c r="B362" s="45"/>
      <c r="C362" s="15" t="s">
        <v>140</v>
      </c>
      <c r="D362" s="45"/>
      <c r="E362" s="57" t="s">
        <v>27</v>
      </c>
      <c r="F362" s="45"/>
      <c r="G362" s="111">
        <v>5.3069000000000006</v>
      </c>
      <c r="H362" s="45"/>
      <c r="I362" s="31">
        <v>-0.47480000000000011</v>
      </c>
      <c r="J362" s="45"/>
      <c r="K362" s="31">
        <v>5.4000000000000003E-3</v>
      </c>
      <c r="L362" s="45"/>
      <c r="M362" s="34">
        <f t="shared" si="49"/>
        <v>4.8375000000000004</v>
      </c>
      <c r="N362" s="45"/>
      <c r="O362" s="4"/>
      <c r="P362" s="4"/>
      <c r="Q362" s="6"/>
      <c r="R362" s="77"/>
    </row>
    <row r="363" spans="1:18">
      <c r="A363" s="70"/>
      <c r="B363" s="45"/>
      <c r="C363" s="16"/>
      <c r="D363" s="45"/>
      <c r="E363" s="112"/>
      <c r="F363" s="45"/>
      <c r="G363" s="111"/>
      <c r="H363" s="45"/>
      <c r="I363" s="34"/>
      <c r="J363" s="45"/>
      <c r="K363" s="111"/>
      <c r="L363" s="45"/>
      <c r="M363" s="112"/>
      <c r="N363" s="45"/>
      <c r="O363" s="4"/>
      <c r="P363" s="4"/>
      <c r="Q363" s="6"/>
      <c r="R363" s="77"/>
    </row>
    <row r="364" spans="1:18">
      <c r="A364" s="70">
        <f>MAX(A$12:A363)+1</f>
        <v>156</v>
      </c>
      <c r="B364" s="45"/>
      <c r="C364" s="45" t="s">
        <v>141</v>
      </c>
      <c r="D364" s="45"/>
      <c r="E364" s="57" t="s">
        <v>27</v>
      </c>
      <c r="F364" s="45"/>
      <c r="G364" s="111">
        <v>0.90249999999999997</v>
      </c>
      <c r="H364" s="45"/>
      <c r="I364" s="34">
        <v>2.750000000000008E-2</v>
      </c>
      <c r="J364" s="45"/>
      <c r="K364" s="59">
        <v>0</v>
      </c>
      <c r="L364" s="45"/>
      <c r="M364" s="34">
        <f t="shared" ref="M364:M366" si="50">G364+I364+K364</f>
        <v>0.93</v>
      </c>
      <c r="N364" s="45"/>
      <c r="O364" s="4"/>
      <c r="P364" s="4"/>
      <c r="Q364" s="6"/>
      <c r="R364" s="77"/>
    </row>
    <row r="365" spans="1:18">
      <c r="A365" s="70"/>
      <c r="B365" s="45"/>
      <c r="C365" s="45"/>
      <c r="D365" s="45"/>
      <c r="E365" s="57"/>
      <c r="F365" s="45"/>
      <c r="G365" s="111"/>
      <c r="H365" s="45"/>
      <c r="I365" s="34"/>
      <c r="J365" s="45"/>
      <c r="K365" s="59"/>
      <c r="L365" s="45"/>
      <c r="M365" s="34"/>
      <c r="N365" s="45"/>
      <c r="O365" s="4"/>
      <c r="P365" s="4"/>
      <c r="Q365" s="6"/>
      <c r="R365" s="77"/>
    </row>
    <row r="366" spans="1:18">
      <c r="A366" s="70">
        <f>MAX(A$12:A364)+1</f>
        <v>157</v>
      </c>
      <c r="B366" s="45"/>
      <c r="C366" s="45" t="s">
        <v>34</v>
      </c>
      <c r="D366" s="45"/>
      <c r="E366" s="57" t="s">
        <v>27</v>
      </c>
      <c r="F366" s="45"/>
      <c r="G366" s="111">
        <v>12.303800000000003</v>
      </c>
      <c r="H366" s="45"/>
      <c r="I366" s="31">
        <v>-1.9999999999988916E-3</v>
      </c>
      <c r="J366" s="45"/>
      <c r="K366" s="59">
        <v>0</v>
      </c>
      <c r="L366" s="45"/>
      <c r="M366" s="34">
        <f t="shared" si="50"/>
        <v>12.301800000000004</v>
      </c>
      <c r="N366" s="45"/>
      <c r="O366" s="4"/>
      <c r="P366" s="4"/>
      <c r="Q366" s="6"/>
      <c r="R366" s="77"/>
    </row>
    <row r="367" spans="1:18">
      <c r="A367" s="70"/>
      <c r="B367" s="45"/>
      <c r="C367" s="45"/>
      <c r="D367" s="45"/>
      <c r="E367" s="112"/>
      <c r="F367" s="45"/>
      <c r="G367" s="111"/>
      <c r="H367" s="45"/>
      <c r="I367" s="34"/>
      <c r="J367" s="45"/>
      <c r="K367" s="45"/>
      <c r="L367" s="45"/>
      <c r="M367" s="45"/>
      <c r="N367" s="45"/>
      <c r="O367" s="6"/>
      <c r="P367" s="6"/>
      <c r="Q367" s="6"/>
      <c r="R367" s="77"/>
    </row>
    <row r="368" spans="1:18">
      <c r="A368" s="70"/>
      <c r="B368" s="45"/>
      <c r="C368" s="105" t="s">
        <v>142</v>
      </c>
      <c r="D368" s="45"/>
      <c r="E368" s="112"/>
      <c r="F368" s="45"/>
      <c r="G368" s="111"/>
      <c r="H368" s="45"/>
      <c r="I368" s="34"/>
      <c r="J368" s="45"/>
      <c r="K368" s="59">
        <v>0</v>
      </c>
      <c r="L368" s="45"/>
      <c r="M368" s="45"/>
      <c r="N368" s="45"/>
      <c r="O368" s="6"/>
      <c r="P368" s="6"/>
      <c r="Q368" s="6"/>
      <c r="R368" s="77"/>
    </row>
    <row r="369" spans="1:18">
      <c r="A369" s="70">
        <f>MAX(A$12:A368)+1</f>
        <v>158</v>
      </c>
      <c r="B369" s="45"/>
      <c r="C369" s="45" t="s">
        <v>23</v>
      </c>
      <c r="D369" s="45"/>
      <c r="E369" s="24" t="s">
        <v>24</v>
      </c>
      <c r="F369" s="45"/>
      <c r="G369" s="27">
        <v>77.58</v>
      </c>
      <c r="H369" s="45"/>
      <c r="I369" s="27">
        <v>2.0649999999999977</v>
      </c>
      <c r="J369" s="45"/>
      <c r="L369" s="45"/>
      <c r="M369" s="27">
        <f>G369+I369+K368</f>
        <v>79.644999999999996</v>
      </c>
      <c r="N369" s="45"/>
      <c r="O369" s="4"/>
      <c r="P369" s="4"/>
      <c r="Q369" s="6"/>
      <c r="R369" s="77"/>
    </row>
    <row r="370" spans="1:18">
      <c r="A370" s="70"/>
      <c r="B370" s="45"/>
      <c r="C370" s="45" t="s">
        <v>25</v>
      </c>
      <c r="D370" s="45"/>
      <c r="E370" s="112"/>
      <c r="F370" s="45"/>
      <c r="G370" s="27"/>
      <c r="H370" s="45"/>
      <c r="I370" s="27"/>
      <c r="J370" s="45"/>
      <c r="K370" s="112"/>
      <c r="L370" s="45"/>
      <c r="M370" s="27"/>
      <c r="N370" s="45"/>
      <c r="O370" s="4"/>
      <c r="P370" s="4"/>
      <c r="Q370" s="6"/>
      <c r="R370" s="77"/>
    </row>
    <row r="371" spans="1:18" ht="15.6">
      <c r="A371" s="70">
        <f>MAX(A$12:A369)+1</f>
        <v>159</v>
      </c>
      <c r="B371" s="45"/>
      <c r="C371" s="45" t="s">
        <v>143</v>
      </c>
      <c r="D371" s="45"/>
      <c r="E371" s="57" t="s">
        <v>27</v>
      </c>
      <c r="F371" s="45"/>
      <c r="G371" s="111">
        <v>6.1406999999999998</v>
      </c>
      <c r="H371" s="45"/>
      <c r="I371" s="31">
        <v>-0.26989999999999981</v>
      </c>
      <c r="J371" s="45"/>
      <c r="K371" s="31">
        <v>4.4999999999999997E-3</v>
      </c>
      <c r="L371" s="45"/>
      <c r="M371" s="34">
        <f t="shared" ref="M371:M374" si="51">G371+I371+K371</f>
        <v>5.8753000000000002</v>
      </c>
      <c r="N371" s="45"/>
      <c r="O371" s="4"/>
      <c r="P371" s="4"/>
      <c r="Q371" s="6"/>
      <c r="R371" s="77"/>
    </row>
    <row r="372" spans="1:18" ht="15.6">
      <c r="A372" s="70">
        <f>MAX(A$12:A371)+1</f>
        <v>160</v>
      </c>
      <c r="B372" s="45"/>
      <c r="C372" s="15" t="s">
        <v>144</v>
      </c>
      <c r="D372" s="45"/>
      <c r="E372" s="57" t="s">
        <v>27</v>
      </c>
      <c r="F372" s="45"/>
      <c r="G372" s="111">
        <v>6.0318000000000005</v>
      </c>
      <c r="H372" s="45"/>
      <c r="I372" s="31">
        <v>-0.26449999999999996</v>
      </c>
      <c r="J372" s="45"/>
      <c r="K372" s="31">
        <v>4.4999999999999997E-3</v>
      </c>
      <c r="L372" s="45"/>
      <c r="M372" s="34">
        <f t="shared" si="51"/>
        <v>5.7718000000000007</v>
      </c>
      <c r="N372" s="45"/>
      <c r="O372" s="4"/>
      <c r="P372" s="4"/>
      <c r="Q372" s="6"/>
      <c r="R372" s="77"/>
    </row>
    <row r="373" spans="1:18" ht="15.6">
      <c r="A373" s="70">
        <f>MAX(A$12:A372)+1</f>
        <v>161</v>
      </c>
      <c r="B373" s="45"/>
      <c r="C373" s="15" t="s">
        <v>145</v>
      </c>
      <c r="D373" s="45"/>
      <c r="E373" s="57" t="s">
        <v>27</v>
      </c>
      <c r="F373" s="45"/>
      <c r="G373" s="111">
        <v>5.6599000000000004</v>
      </c>
      <c r="H373" s="45"/>
      <c r="I373" s="31">
        <v>-0.24820000000000064</v>
      </c>
      <c r="J373" s="45"/>
      <c r="K373" s="31">
        <v>4.4999999999999997E-3</v>
      </c>
      <c r="L373" s="45"/>
      <c r="M373" s="34">
        <f t="shared" si="51"/>
        <v>5.4161999999999999</v>
      </c>
      <c r="N373" s="45"/>
      <c r="O373" s="4"/>
      <c r="P373" s="4"/>
      <c r="Q373" s="6"/>
      <c r="R373" s="77"/>
    </row>
    <row r="374" spans="1:18" ht="15.6">
      <c r="A374" s="70">
        <f>MAX(A$12:A373)+1</f>
        <v>162</v>
      </c>
      <c r="B374" s="45"/>
      <c r="C374" s="15" t="s">
        <v>146</v>
      </c>
      <c r="D374" s="45"/>
      <c r="E374" s="57" t="s">
        <v>27</v>
      </c>
      <c r="F374" s="45"/>
      <c r="G374" s="111">
        <v>5.2719999999999994</v>
      </c>
      <c r="H374" s="45"/>
      <c r="I374" s="31">
        <v>-0.22910000000000075</v>
      </c>
      <c r="J374" s="45"/>
      <c r="K374" s="31">
        <v>4.4999999999999997E-3</v>
      </c>
      <c r="L374" s="45"/>
      <c r="M374" s="34">
        <f t="shared" si="51"/>
        <v>5.0473999999999988</v>
      </c>
      <c r="N374" s="45"/>
      <c r="O374" s="4"/>
      <c r="P374" s="4"/>
      <c r="Q374" s="6"/>
      <c r="R374" s="77"/>
    </row>
    <row r="375" spans="1:18">
      <c r="A375" s="70"/>
      <c r="B375" s="45"/>
      <c r="C375" s="16"/>
      <c r="D375" s="45"/>
      <c r="E375" s="112"/>
      <c r="F375" s="45"/>
      <c r="G375" s="111"/>
      <c r="H375" s="45"/>
      <c r="I375" s="31"/>
      <c r="J375" s="45"/>
      <c r="K375" s="112"/>
      <c r="L375" s="45"/>
      <c r="M375" s="45"/>
      <c r="N375" s="45"/>
      <c r="O375" s="4"/>
      <c r="P375" s="4"/>
      <c r="Q375" s="6"/>
      <c r="R375" s="77"/>
    </row>
    <row r="376" spans="1:18">
      <c r="A376" s="70">
        <f>MAX(A$12:A375)+1</f>
        <v>163</v>
      </c>
      <c r="B376" s="45"/>
      <c r="C376" s="45" t="s">
        <v>141</v>
      </c>
      <c r="D376" s="45"/>
      <c r="E376" s="57" t="s">
        <v>27</v>
      </c>
      <c r="F376" s="45"/>
      <c r="G376" s="111">
        <v>0.85109999999999997</v>
      </c>
      <c r="H376" s="45"/>
      <c r="I376" s="31">
        <v>2.5800000000000045E-2</v>
      </c>
      <c r="J376" s="45"/>
      <c r="K376" s="59">
        <v>0</v>
      </c>
      <c r="L376" s="45"/>
      <c r="M376" s="34">
        <f t="shared" ref="M376:M378" si="52">G376+I376+K376</f>
        <v>0.87690000000000001</v>
      </c>
      <c r="N376" s="45"/>
      <c r="O376" s="4"/>
      <c r="P376" s="4"/>
      <c r="Q376" s="6"/>
      <c r="R376" s="77"/>
    </row>
    <row r="377" spans="1:18">
      <c r="A377" s="70"/>
      <c r="B377" s="45"/>
      <c r="C377" s="45"/>
      <c r="D377" s="45"/>
      <c r="E377" s="57"/>
      <c r="F377" s="45"/>
      <c r="G377" s="111"/>
      <c r="H377" s="45"/>
      <c r="I377" s="31"/>
      <c r="J377" s="45"/>
      <c r="K377" s="59"/>
      <c r="L377" s="45"/>
      <c r="M377" s="34"/>
      <c r="N377" s="45"/>
      <c r="O377" s="4"/>
      <c r="P377" s="4"/>
      <c r="Q377" s="6"/>
      <c r="R377" s="77"/>
    </row>
    <row r="378" spans="1:18">
      <c r="A378" s="70">
        <f>MAX(A$12:A376)+1</f>
        <v>164</v>
      </c>
      <c r="B378" s="45"/>
      <c r="C378" s="45" t="s">
        <v>34</v>
      </c>
      <c r="D378" s="45"/>
      <c r="E378" s="57" t="s">
        <v>27</v>
      </c>
      <c r="F378" s="45"/>
      <c r="G378" s="111">
        <v>12.303800000000003</v>
      </c>
      <c r="H378" s="45"/>
      <c r="I378" s="31">
        <v>-1.9999999999988916E-3</v>
      </c>
      <c r="J378" s="45"/>
      <c r="K378" s="59">
        <v>0</v>
      </c>
      <c r="L378" s="45"/>
      <c r="M378" s="34">
        <f t="shared" si="52"/>
        <v>12.301800000000004</v>
      </c>
      <c r="N378" s="45"/>
      <c r="O378" s="4"/>
      <c r="P378" s="4"/>
      <c r="Q378" s="6"/>
      <c r="R378" s="77"/>
    </row>
    <row r="379" spans="1:18">
      <c r="A379" s="70"/>
      <c r="B379" s="45"/>
      <c r="C379" s="118"/>
      <c r="D379" s="45"/>
      <c r="E379" s="45"/>
      <c r="F379" s="45"/>
      <c r="G379" s="111"/>
      <c r="H379" s="45"/>
      <c r="I379" s="34"/>
      <c r="J379" s="45"/>
      <c r="K379" s="112"/>
      <c r="L379" s="45"/>
      <c r="M379" s="45"/>
      <c r="N379" s="45"/>
      <c r="O379" s="6"/>
      <c r="P379" s="6"/>
      <c r="Q379" s="6"/>
      <c r="R379" s="77"/>
    </row>
    <row r="380" spans="1:18">
      <c r="A380" s="70"/>
      <c r="B380" s="45"/>
      <c r="C380" s="105" t="s">
        <v>147</v>
      </c>
      <c r="D380" s="45"/>
      <c r="E380" s="45"/>
      <c r="F380" s="45"/>
      <c r="G380" s="111"/>
      <c r="H380" s="45"/>
      <c r="I380" s="34"/>
      <c r="J380" s="45"/>
      <c r="K380" s="112"/>
      <c r="L380" s="45"/>
      <c r="M380" s="45"/>
      <c r="N380" s="45"/>
      <c r="O380" s="6"/>
      <c r="P380" s="6"/>
      <c r="Q380" s="6"/>
      <c r="R380" s="77"/>
    </row>
    <row r="381" spans="1:18">
      <c r="A381" s="70"/>
      <c r="B381" s="45"/>
      <c r="C381" s="45" t="s">
        <v>43</v>
      </c>
      <c r="D381" s="45"/>
      <c r="E381" s="45"/>
      <c r="F381" s="45"/>
      <c r="G381" s="111"/>
      <c r="H381" s="45"/>
      <c r="I381" s="34"/>
      <c r="J381" s="45"/>
      <c r="K381" s="112"/>
      <c r="L381" s="45"/>
      <c r="M381" s="45"/>
      <c r="N381" s="45"/>
      <c r="O381" s="6"/>
      <c r="P381" s="6"/>
      <c r="Q381" s="6"/>
      <c r="R381" s="77"/>
    </row>
    <row r="382" spans="1:18" ht="15.6">
      <c r="A382" s="70">
        <f>MAX(A$12:A381)+1</f>
        <v>165</v>
      </c>
      <c r="B382" s="45"/>
      <c r="C382" s="15" t="s">
        <v>148</v>
      </c>
      <c r="D382" s="45"/>
      <c r="E382" s="57" t="s">
        <v>27</v>
      </c>
      <c r="F382" s="45"/>
      <c r="G382" s="111">
        <v>69.738600000000005</v>
      </c>
      <c r="H382" s="45"/>
      <c r="I382" s="34">
        <v>2.1418000000000035</v>
      </c>
      <c r="J382" s="45"/>
      <c r="K382" s="59">
        <v>0</v>
      </c>
      <c r="L382" s="45"/>
      <c r="M382" s="34">
        <f t="shared" ref="M382:M384" si="53">G382+I382+K382</f>
        <v>71.880400000000009</v>
      </c>
      <c r="N382" s="45"/>
      <c r="O382" s="4"/>
      <c r="P382" s="4"/>
      <c r="Q382" s="6"/>
      <c r="R382" s="77"/>
    </row>
    <row r="383" spans="1:18" ht="15.6">
      <c r="A383" s="70">
        <f>MAX(A$12:A382)+1</f>
        <v>166</v>
      </c>
      <c r="B383" s="45"/>
      <c r="C383" s="15" t="s">
        <v>149</v>
      </c>
      <c r="D383" s="45"/>
      <c r="E383" s="57" t="s">
        <v>27</v>
      </c>
      <c r="F383" s="45"/>
      <c r="G383" s="111">
        <v>33.2119</v>
      </c>
      <c r="H383" s="45"/>
      <c r="I383" s="34">
        <v>1.2950000000000017</v>
      </c>
      <c r="J383" s="45"/>
      <c r="K383" s="59">
        <v>0</v>
      </c>
      <c r="L383" s="45"/>
      <c r="M383" s="34">
        <f t="shared" si="53"/>
        <v>34.506900000000002</v>
      </c>
      <c r="N383" s="45"/>
      <c r="O383" s="4"/>
      <c r="P383" s="4"/>
      <c r="Q383" s="6"/>
      <c r="R383" s="77"/>
    </row>
    <row r="384" spans="1:18" ht="15.6">
      <c r="A384" s="70">
        <f>MAX(A$12:A383)+1</f>
        <v>167</v>
      </c>
      <c r="B384" s="45"/>
      <c r="C384" s="15" t="s">
        <v>150</v>
      </c>
      <c r="D384" s="45"/>
      <c r="E384" s="57" t="s">
        <v>27</v>
      </c>
      <c r="F384" s="45"/>
      <c r="G384" s="111">
        <v>28.465599999999998</v>
      </c>
      <c r="H384" s="45"/>
      <c r="I384" s="34">
        <v>1.185100000000002</v>
      </c>
      <c r="J384" s="45"/>
      <c r="K384" s="59">
        <v>0</v>
      </c>
      <c r="L384" s="45"/>
      <c r="M384" s="34">
        <f t="shared" si="53"/>
        <v>29.650700000000001</v>
      </c>
      <c r="N384" s="45"/>
      <c r="O384" s="4"/>
      <c r="P384" s="4"/>
      <c r="Q384" s="6"/>
      <c r="R384" s="77"/>
    </row>
    <row r="385" spans="1:18">
      <c r="A385" s="70"/>
      <c r="B385" s="45"/>
      <c r="C385" s="45" t="s">
        <v>25</v>
      </c>
      <c r="D385" s="45"/>
      <c r="E385" s="57"/>
      <c r="F385" s="45"/>
      <c r="G385" s="111"/>
      <c r="H385" s="45"/>
      <c r="I385" s="34"/>
      <c r="J385" s="45"/>
      <c r="K385" s="31"/>
      <c r="L385" s="45"/>
      <c r="M385" s="34"/>
      <c r="N385" s="45"/>
      <c r="O385" s="4"/>
      <c r="P385" s="4"/>
      <c r="Q385" s="6"/>
      <c r="R385" s="77"/>
    </row>
    <row r="386" spans="1:18">
      <c r="A386" s="70">
        <f>MAX(A$12:A385)+1</f>
        <v>168</v>
      </c>
      <c r="B386" s="45"/>
      <c r="C386" s="45" t="s">
        <v>151</v>
      </c>
      <c r="D386" s="45"/>
      <c r="E386" s="57" t="s">
        <v>27</v>
      </c>
      <c r="F386" s="45"/>
      <c r="G386" s="111">
        <v>1.893</v>
      </c>
      <c r="H386" s="45"/>
      <c r="I386" s="34">
        <v>7.6999999999999957E-2</v>
      </c>
      <c r="J386" s="45"/>
      <c r="K386" s="31">
        <v>5.0000000000000001E-4</v>
      </c>
      <c r="L386" s="45"/>
      <c r="M386" s="34">
        <f t="shared" ref="M386:M389" si="54">G386+I386+K386</f>
        <v>1.9704999999999999</v>
      </c>
      <c r="N386" s="45"/>
      <c r="O386" s="4"/>
      <c r="P386" s="4"/>
      <c r="Q386" s="6"/>
      <c r="R386" s="77"/>
    </row>
    <row r="387" spans="1:18">
      <c r="A387" s="70">
        <f>MAX(A$12:A386)+1</f>
        <v>169</v>
      </c>
      <c r="B387" s="45"/>
      <c r="C387" s="16" t="s">
        <v>152</v>
      </c>
      <c r="D387" s="45"/>
      <c r="E387" s="57" t="s">
        <v>27</v>
      </c>
      <c r="F387" s="45"/>
      <c r="G387" s="111">
        <v>0.75370000000000004</v>
      </c>
      <c r="H387" s="45"/>
      <c r="I387" s="31">
        <v>1.7699999999999938E-2</v>
      </c>
      <c r="J387" s="45"/>
      <c r="K387" s="31">
        <v>5.0000000000000001E-4</v>
      </c>
      <c r="L387" s="45"/>
      <c r="M387" s="34">
        <f t="shared" si="54"/>
        <v>0.77189999999999992</v>
      </c>
      <c r="N387" s="45"/>
      <c r="O387" s="4"/>
      <c r="P387" s="4"/>
      <c r="Q387" s="6"/>
      <c r="R387" s="77"/>
    </row>
    <row r="388" spans="1:18">
      <c r="A388" s="70"/>
      <c r="B388" s="45"/>
      <c r="C388" s="16"/>
      <c r="D388" s="45"/>
      <c r="E388" s="57"/>
      <c r="F388" s="45"/>
      <c r="G388" s="111"/>
      <c r="H388" s="45"/>
      <c r="I388" s="31"/>
      <c r="J388" s="45"/>
      <c r="K388" s="59"/>
      <c r="L388" s="45"/>
      <c r="M388" s="34"/>
      <c r="N388" s="45"/>
      <c r="O388" s="4"/>
      <c r="P388" s="4"/>
      <c r="Q388" s="6"/>
      <c r="R388" s="77"/>
    </row>
    <row r="389" spans="1:18">
      <c r="A389" s="70">
        <f>MAX(A$12:A388)+1</f>
        <v>170</v>
      </c>
      <c r="B389" s="45"/>
      <c r="C389" s="45" t="s">
        <v>153</v>
      </c>
      <c r="D389" s="45"/>
      <c r="E389" s="57" t="s">
        <v>27</v>
      </c>
      <c r="F389" s="45"/>
      <c r="G389" s="111">
        <v>2.1015000000000001</v>
      </c>
      <c r="H389" s="45"/>
      <c r="I389" s="31">
        <v>-5.7799999999999851E-2</v>
      </c>
      <c r="J389" s="45"/>
      <c r="K389" s="31">
        <v>5.0000000000000001E-4</v>
      </c>
      <c r="L389" s="45"/>
      <c r="M389" s="34">
        <f t="shared" si="54"/>
        <v>2.0442000000000005</v>
      </c>
      <c r="N389" s="45"/>
      <c r="O389" s="4"/>
      <c r="P389" s="4"/>
      <c r="Q389" s="6"/>
      <c r="R389" s="77"/>
    </row>
    <row r="390" spans="1:18">
      <c r="A390" s="70"/>
      <c r="B390" s="45"/>
      <c r="C390" s="16"/>
      <c r="D390" s="45"/>
      <c r="E390" s="45"/>
      <c r="F390" s="45"/>
      <c r="G390" s="111"/>
      <c r="H390" s="45"/>
      <c r="I390" s="34"/>
      <c r="J390" s="45"/>
      <c r="K390" s="112"/>
      <c r="L390" s="45"/>
      <c r="M390" s="112"/>
      <c r="N390" s="45"/>
      <c r="O390" s="4"/>
      <c r="P390" s="4"/>
      <c r="Q390" s="6"/>
      <c r="R390" s="77"/>
    </row>
    <row r="391" spans="1:18">
      <c r="A391" s="70"/>
      <c r="B391" s="45"/>
      <c r="C391" s="45" t="s">
        <v>154</v>
      </c>
      <c r="D391" s="45"/>
      <c r="E391" s="45"/>
      <c r="F391" s="45"/>
      <c r="G391" s="111"/>
      <c r="H391" s="45"/>
      <c r="I391" s="34"/>
      <c r="J391" s="45"/>
      <c r="K391" s="112"/>
      <c r="L391" s="45"/>
      <c r="M391" s="112"/>
      <c r="N391" s="45"/>
      <c r="O391" s="4"/>
      <c r="P391" s="4"/>
      <c r="Q391" s="6"/>
      <c r="R391" s="77"/>
    </row>
    <row r="392" spans="1:18">
      <c r="A392" s="70">
        <f>MAX(A$12:A391)+1</f>
        <v>171</v>
      </c>
      <c r="B392" s="45"/>
      <c r="C392" s="107" t="s">
        <v>63</v>
      </c>
      <c r="D392" s="45"/>
      <c r="E392" s="24" t="s">
        <v>24</v>
      </c>
      <c r="F392" s="45"/>
      <c r="G392" s="27">
        <v>756.88</v>
      </c>
      <c r="H392" s="45"/>
      <c r="I392" s="3">
        <v>20.38250000000005</v>
      </c>
      <c r="J392" s="45"/>
      <c r="K392" s="59">
        <v>0</v>
      </c>
      <c r="L392" s="45"/>
      <c r="M392" s="27">
        <f t="shared" ref="M392:M395" si="55">G392+I392+K392</f>
        <v>777.26250000000005</v>
      </c>
      <c r="N392" s="45"/>
      <c r="O392" s="4"/>
      <c r="P392" s="4"/>
      <c r="Q392" s="6"/>
      <c r="R392" s="77"/>
    </row>
    <row r="393" spans="1:18">
      <c r="A393" s="70">
        <f>MAX(A$12:A392)+1</f>
        <v>172</v>
      </c>
      <c r="B393" s="45"/>
      <c r="C393" s="107" t="s">
        <v>155</v>
      </c>
      <c r="D393" s="45"/>
      <c r="E393" s="57" t="s">
        <v>27</v>
      </c>
      <c r="F393" s="45"/>
      <c r="G393" s="112">
        <v>3.1917</v>
      </c>
      <c r="H393" s="45"/>
      <c r="I393" s="31">
        <v>-1.2000000000000011E-2</v>
      </c>
      <c r="J393" s="45"/>
      <c r="K393" s="31">
        <v>2.2499999999999999E-2</v>
      </c>
      <c r="L393" s="45"/>
      <c r="M393" s="34">
        <f t="shared" si="55"/>
        <v>3.2021999999999999</v>
      </c>
      <c r="N393" s="45"/>
      <c r="O393" s="4"/>
      <c r="P393" s="4"/>
      <c r="Q393" s="6"/>
      <c r="R393" s="77"/>
    </row>
    <row r="394" spans="1:18">
      <c r="A394" s="70"/>
      <c r="B394" s="45"/>
      <c r="C394" s="45"/>
      <c r="D394" s="45"/>
      <c r="E394" s="45"/>
      <c r="F394" s="45"/>
      <c r="G394" s="111"/>
      <c r="H394" s="45"/>
      <c r="I394" s="34"/>
      <c r="J394" s="45"/>
      <c r="K394" s="112"/>
      <c r="L394" s="45"/>
      <c r="M394" s="112"/>
      <c r="N394" s="45"/>
      <c r="O394" s="4"/>
      <c r="P394" s="4"/>
      <c r="Q394" s="6"/>
      <c r="R394" s="77"/>
    </row>
    <row r="395" spans="1:18">
      <c r="A395" s="70">
        <f>MAX(A$12:A394)+1</f>
        <v>173</v>
      </c>
      <c r="B395" s="45"/>
      <c r="C395" s="45" t="s">
        <v>156</v>
      </c>
      <c r="D395" s="45"/>
      <c r="E395" s="57" t="s">
        <v>27</v>
      </c>
      <c r="F395" s="45"/>
      <c r="G395" s="111">
        <v>0.20849999999999999</v>
      </c>
      <c r="H395" s="45"/>
      <c r="I395" s="34">
        <v>5.6000000000000216E-3</v>
      </c>
      <c r="J395" s="45"/>
      <c r="K395" s="59">
        <v>0</v>
      </c>
      <c r="L395" s="45"/>
      <c r="M395" s="34">
        <f t="shared" si="55"/>
        <v>0.21410000000000001</v>
      </c>
      <c r="N395" s="45"/>
      <c r="O395" s="4"/>
      <c r="P395" s="4"/>
      <c r="Q395" s="6"/>
      <c r="R395" s="77"/>
    </row>
    <row r="396" spans="1:18">
      <c r="A396" s="70">
        <f>MAX(A$12:A395)+1</f>
        <v>174</v>
      </c>
      <c r="B396" s="45"/>
      <c r="C396" s="45" t="s">
        <v>34</v>
      </c>
      <c r="D396" s="45"/>
      <c r="E396" s="57" t="s">
        <v>27</v>
      </c>
      <c r="F396" s="45"/>
      <c r="G396" s="111">
        <v>12.303800000000003</v>
      </c>
      <c r="H396" s="45"/>
      <c r="I396" s="31">
        <v>-1.9999999999988916E-3</v>
      </c>
      <c r="J396" s="45"/>
      <c r="K396" s="59">
        <v>0</v>
      </c>
      <c r="L396" s="45"/>
      <c r="M396" s="34">
        <f t="shared" ref="M396" si="56">G396+I396+K396</f>
        <v>12.301800000000004</v>
      </c>
      <c r="N396" s="45"/>
      <c r="O396" s="4"/>
      <c r="P396" s="4"/>
      <c r="Q396" s="6"/>
      <c r="R396" s="77"/>
    </row>
    <row r="397" spans="1:18">
      <c r="A397" s="70"/>
      <c r="B397" s="45"/>
      <c r="C397" s="118"/>
      <c r="D397" s="45"/>
      <c r="E397" s="45"/>
      <c r="F397" s="45"/>
      <c r="G397" s="111"/>
      <c r="H397" s="45"/>
      <c r="I397" s="34"/>
      <c r="J397" s="45"/>
      <c r="K397" s="112"/>
      <c r="L397" s="45"/>
      <c r="M397" s="45"/>
      <c r="N397" s="45"/>
      <c r="O397" s="6"/>
      <c r="P397" s="6"/>
      <c r="Q397" s="6"/>
      <c r="R397" s="77"/>
    </row>
    <row r="398" spans="1:18">
      <c r="A398" s="70"/>
      <c r="B398" s="45"/>
      <c r="C398" s="105" t="s">
        <v>157</v>
      </c>
      <c r="D398" s="45"/>
      <c r="E398" s="45"/>
      <c r="F398" s="45"/>
      <c r="G398" s="111"/>
      <c r="H398" s="45"/>
      <c r="I398" s="34"/>
      <c r="J398" s="45"/>
      <c r="K398" s="112"/>
      <c r="L398" s="45"/>
      <c r="M398" s="45"/>
      <c r="N398" s="45"/>
      <c r="O398" s="6"/>
      <c r="P398" s="6"/>
      <c r="Q398" s="6"/>
      <c r="R398" s="77"/>
    </row>
    <row r="399" spans="1:18">
      <c r="A399" s="70"/>
      <c r="B399" s="45"/>
      <c r="C399" s="45" t="s">
        <v>158</v>
      </c>
      <c r="D399" s="45"/>
      <c r="E399" s="45"/>
      <c r="F399" s="45"/>
      <c r="G399" s="111"/>
      <c r="H399" s="45"/>
      <c r="I399" s="34"/>
      <c r="J399" s="45"/>
      <c r="K399" s="112"/>
      <c r="L399" s="45"/>
      <c r="M399" s="45"/>
      <c r="N399" s="45"/>
      <c r="O399" s="6"/>
      <c r="P399" s="6"/>
      <c r="Q399" s="6"/>
      <c r="R399" s="77"/>
    </row>
    <row r="400" spans="1:18">
      <c r="A400" s="70">
        <f>MAX(A$12:A399)+1</f>
        <v>175</v>
      </c>
      <c r="B400" s="45"/>
      <c r="C400" s="107" t="s">
        <v>43</v>
      </c>
      <c r="D400" s="45"/>
      <c r="E400" s="57" t="s">
        <v>44</v>
      </c>
      <c r="F400" s="45"/>
      <c r="G400" s="112">
        <v>40.586500000000001</v>
      </c>
      <c r="H400" s="45"/>
      <c r="I400" s="112">
        <v>1.616500000000002</v>
      </c>
      <c r="J400" s="45"/>
      <c r="K400" s="59">
        <v>0</v>
      </c>
      <c r="L400" s="45"/>
      <c r="M400" s="34">
        <f t="shared" ref="M400:M401" si="57">G400+I400+K400</f>
        <v>42.203000000000003</v>
      </c>
      <c r="N400" s="45"/>
      <c r="O400" s="4"/>
      <c r="P400" s="4"/>
      <c r="Q400" s="6"/>
      <c r="R400" s="77"/>
    </row>
    <row r="401" spans="1:18">
      <c r="A401" s="70">
        <f>MAX(A$12:A400)+1</f>
        <v>176</v>
      </c>
      <c r="B401" s="45"/>
      <c r="C401" s="107" t="s">
        <v>25</v>
      </c>
      <c r="D401" s="45"/>
      <c r="E401" s="55" t="s">
        <v>27</v>
      </c>
      <c r="F401" s="45"/>
      <c r="G401" s="112">
        <v>2.8194000000000004</v>
      </c>
      <c r="H401" s="45"/>
      <c r="I401" s="31">
        <v>-6.1700000000000088E-2</v>
      </c>
      <c r="J401" s="45"/>
      <c r="K401" s="31">
        <v>2.2499999999999999E-2</v>
      </c>
      <c r="L401" s="45"/>
      <c r="M401" s="34">
        <f t="shared" si="57"/>
        <v>2.7802000000000002</v>
      </c>
      <c r="N401" s="45"/>
      <c r="O401" s="4"/>
      <c r="P401" s="4"/>
      <c r="Q401" s="6"/>
      <c r="R401" s="77"/>
    </row>
    <row r="402" spans="1:18">
      <c r="A402" s="70"/>
      <c r="B402" s="45"/>
      <c r="C402" s="45"/>
      <c r="D402" s="45"/>
      <c r="E402" s="45"/>
      <c r="F402" s="45"/>
      <c r="G402" s="112"/>
      <c r="H402" s="45"/>
      <c r="I402" s="34"/>
      <c r="J402" s="45"/>
      <c r="K402" s="31"/>
      <c r="L402" s="45"/>
      <c r="M402" s="34"/>
      <c r="N402" s="45"/>
      <c r="O402" s="4"/>
      <c r="P402" s="4"/>
      <c r="Q402" s="6"/>
      <c r="R402" s="77"/>
    </row>
    <row r="403" spans="1:18">
      <c r="A403" s="70"/>
      <c r="B403" s="45"/>
      <c r="C403" s="45" t="s">
        <v>154</v>
      </c>
      <c r="D403" s="45"/>
      <c r="E403" s="45"/>
      <c r="F403" s="45"/>
      <c r="G403" s="112"/>
      <c r="H403" s="45"/>
      <c r="I403" s="34"/>
      <c r="J403" s="45"/>
      <c r="K403" s="31"/>
      <c r="L403" s="45"/>
      <c r="M403" s="112"/>
      <c r="N403" s="45"/>
      <c r="O403" s="4"/>
      <c r="P403" s="4"/>
      <c r="Q403" s="6"/>
      <c r="R403" s="77"/>
    </row>
    <row r="404" spans="1:18">
      <c r="A404" s="70">
        <f>MAX(A$12:A403)+1</f>
        <v>177</v>
      </c>
      <c r="B404" s="45"/>
      <c r="C404" s="107" t="s">
        <v>63</v>
      </c>
      <c r="D404" s="45"/>
      <c r="E404" s="24" t="s">
        <v>24</v>
      </c>
      <c r="F404" s="45"/>
      <c r="G404" s="27">
        <v>756.88</v>
      </c>
      <c r="H404" s="45"/>
      <c r="I404" s="27">
        <v>20.38250000000005</v>
      </c>
      <c r="J404" s="45"/>
      <c r="K404" s="59">
        <v>0</v>
      </c>
      <c r="L404" s="45"/>
      <c r="M404" s="27">
        <f t="shared" ref="M404" si="58">G404+I404+K404</f>
        <v>777.26250000000005</v>
      </c>
      <c r="N404" s="45"/>
      <c r="O404" s="4"/>
      <c r="P404" s="4"/>
      <c r="Q404" s="6"/>
      <c r="R404" s="77"/>
    </row>
    <row r="405" spans="1:18">
      <c r="A405" s="70"/>
      <c r="B405" s="45"/>
      <c r="C405" s="107" t="s">
        <v>25</v>
      </c>
      <c r="D405" s="45"/>
      <c r="E405" s="45"/>
      <c r="F405" s="45"/>
      <c r="G405" s="112"/>
      <c r="H405" s="45"/>
      <c r="I405" s="34"/>
      <c r="J405" s="45"/>
      <c r="K405" s="31"/>
      <c r="L405" s="45"/>
      <c r="M405" s="112"/>
      <c r="N405" s="45"/>
      <c r="O405" s="4"/>
      <c r="P405" s="4"/>
      <c r="Q405" s="6"/>
      <c r="R405" s="77"/>
    </row>
    <row r="406" spans="1:18">
      <c r="A406" s="70">
        <f>MAX(A$12:A405)+1</f>
        <v>178</v>
      </c>
      <c r="B406" s="45"/>
      <c r="C406" s="119" t="s">
        <v>159</v>
      </c>
      <c r="D406" s="45"/>
      <c r="E406" s="57" t="s">
        <v>27</v>
      </c>
      <c r="F406" s="45"/>
      <c r="G406" s="112">
        <v>3.4969999999999999</v>
      </c>
      <c r="H406" s="45"/>
      <c r="I406" s="31">
        <v>-1.2000000000000011E-2</v>
      </c>
      <c r="J406" s="45"/>
      <c r="K406" s="31">
        <v>2.2499999999999999E-2</v>
      </c>
      <c r="L406" s="45"/>
      <c r="M406" s="34">
        <f t="shared" ref="M406:M413" si="59">G406+I406+K406</f>
        <v>3.5074999999999998</v>
      </c>
      <c r="N406" s="45"/>
      <c r="O406" s="4"/>
      <c r="P406" s="4"/>
      <c r="Q406" s="6"/>
      <c r="R406" s="77"/>
    </row>
    <row r="407" spans="1:18">
      <c r="A407" s="70">
        <f>MAX(A$12:A406)+1</f>
        <v>179</v>
      </c>
      <c r="B407" s="45"/>
      <c r="C407" s="119" t="s">
        <v>160</v>
      </c>
      <c r="D407" s="45"/>
      <c r="E407" s="57" t="s">
        <v>27</v>
      </c>
      <c r="F407" s="45"/>
      <c r="G407" s="112">
        <v>3.3671000000000002</v>
      </c>
      <c r="H407" s="45"/>
      <c r="I407" s="31">
        <v>-1.2000000000000011E-2</v>
      </c>
      <c r="J407" s="45"/>
      <c r="K407" s="31">
        <v>2.2499999999999999E-2</v>
      </c>
      <c r="L407" s="45"/>
      <c r="M407" s="34">
        <f t="shared" si="59"/>
        <v>3.3776000000000002</v>
      </c>
      <c r="N407" s="45"/>
      <c r="O407" s="4"/>
      <c r="P407" s="4"/>
      <c r="Q407" s="6"/>
      <c r="R407" s="77"/>
    </row>
    <row r="408" spans="1:18">
      <c r="A408" s="70">
        <f>MAX(A$12:A407)+1</f>
        <v>180</v>
      </c>
      <c r="B408" s="45"/>
      <c r="C408" s="119" t="s">
        <v>161</v>
      </c>
      <c r="D408" s="45"/>
      <c r="E408" s="57" t="s">
        <v>27</v>
      </c>
      <c r="F408" s="45"/>
      <c r="G408" s="112">
        <v>3.2988</v>
      </c>
      <c r="H408" s="45"/>
      <c r="I408" s="31">
        <v>-1.2000000000000011E-2</v>
      </c>
      <c r="J408" s="45"/>
      <c r="K408" s="31">
        <v>2.2499999999999999E-2</v>
      </c>
      <c r="L408" s="45"/>
      <c r="M408" s="34">
        <f t="shared" si="59"/>
        <v>3.3092999999999999</v>
      </c>
      <c r="N408" s="45"/>
      <c r="O408" s="4"/>
      <c r="P408" s="4"/>
      <c r="Q408" s="6"/>
      <c r="R408" s="77"/>
    </row>
    <row r="409" spans="1:18">
      <c r="A409" s="70">
        <f>MAX(A$12:A408)+1</f>
        <v>181</v>
      </c>
      <c r="B409" s="45"/>
      <c r="C409" s="119" t="s">
        <v>162</v>
      </c>
      <c r="D409" s="45"/>
      <c r="E409" s="57" t="s">
        <v>27</v>
      </c>
      <c r="F409" s="45"/>
      <c r="G409" s="112">
        <v>3.2509000000000001</v>
      </c>
      <c r="H409" s="45"/>
      <c r="I409" s="31">
        <v>-1.2000000000000011E-2</v>
      </c>
      <c r="J409" s="45"/>
      <c r="K409" s="31">
        <v>2.2499999999999999E-2</v>
      </c>
      <c r="L409" s="45"/>
      <c r="M409" s="34">
        <f t="shared" si="59"/>
        <v>3.2614000000000001</v>
      </c>
      <c r="N409" s="45"/>
      <c r="O409" s="4"/>
      <c r="P409" s="4"/>
      <c r="Q409" s="6"/>
      <c r="R409" s="77"/>
    </row>
    <row r="410" spans="1:18">
      <c r="A410" s="70">
        <f>MAX(A$12:A409)+1</f>
        <v>182</v>
      </c>
      <c r="B410" s="45"/>
      <c r="C410" s="107" t="s">
        <v>155</v>
      </c>
      <c r="D410" s="45"/>
      <c r="E410" s="57" t="s">
        <v>27</v>
      </c>
      <c r="F410" s="45"/>
      <c r="G410" s="112">
        <v>3.1917</v>
      </c>
      <c r="H410" s="45"/>
      <c r="I410" s="31">
        <v>-1.2000000000000011E-2</v>
      </c>
      <c r="J410" s="45"/>
      <c r="K410" s="31">
        <v>2.2499999999999999E-2</v>
      </c>
      <c r="L410" s="45"/>
      <c r="M410" s="34">
        <f t="shared" si="59"/>
        <v>3.2021999999999999</v>
      </c>
      <c r="N410" s="45"/>
      <c r="O410" s="4"/>
      <c r="P410" s="4"/>
      <c r="Q410" s="6"/>
      <c r="R410" s="77"/>
    </row>
    <row r="411" spans="1:18">
      <c r="A411" s="70"/>
      <c r="B411" s="45"/>
      <c r="C411" s="107"/>
      <c r="D411" s="45"/>
      <c r="E411" s="57"/>
      <c r="F411" s="45"/>
      <c r="G411" s="111"/>
      <c r="H411" s="45"/>
      <c r="I411" s="31"/>
      <c r="J411" s="45"/>
      <c r="K411" s="112"/>
      <c r="L411" s="45"/>
      <c r="M411" s="34"/>
      <c r="N411" s="45"/>
      <c r="O411" s="4"/>
      <c r="P411" s="4"/>
      <c r="Q411" s="6"/>
      <c r="R411" s="77"/>
    </row>
    <row r="412" spans="1:18">
      <c r="A412" s="70">
        <f>MAX(A$12:A411)+1</f>
        <v>183</v>
      </c>
      <c r="B412" s="45"/>
      <c r="C412" s="45" t="s">
        <v>163</v>
      </c>
      <c r="D412" s="45"/>
      <c r="E412" s="57" t="s">
        <v>27</v>
      </c>
      <c r="F412" s="45"/>
      <c r="G412" s="112">
        <v>3.7054999999999998</v>
      </c>
      <c r="H412" s="45"/>
      <c r="I412" s="31">
        <v>-0.38079999999999981</v>
      </c>
      <c r="J412" s="45"/>
      <c r="K412" s="31">
        <v>2.2499999999999999E-2</v>
      </c>
      <c r="L412" s="45"/>
      <c r="M412" s="34">
        <f t="shared" si="59"/>
        <v>3.3472</v>
      </c>
      <c r="N412" s="45"/>
      <c r="O412" s="4"/>
      <c r="P412" s="4"/>
      <c r="Q412" s="6"/>
      <c r="R412" s="77"/>
    </row>
    <row r="413" spans="1:18">
      <c r="A413" s="70">
        <f>MAX(A$12:A412)+1</f>
        <v>184</v>
      </c>
      <c r="B413" s="45"/>
      <c r="C413" s="45" t="s">
        <v>156</v>
      </c>
      <c r="D413" s="45"/>
      <c r="E413" s="57" t="s">
        <v>27</v>
      </c>
      <c r="F413" s="45"/>
      <c r="G413" s="112">
        <v>0.20849999999999999</v>
      </c>
      <c r="H413" s="45"/>
      <c r="I413" s="31">
        <v>5.6000000000000216E-3</v>
      </c>
      <c r="J413" s="45"/>
      <c r="K413" s="59">
        <v>0</v>
      </c>
      <c r="L413" s="45"/>
      <c r="M413" s="34">
        <f t="shared" si="59"/>
        <v>0.21410000000000001</v>
      </c>
      <c r="N413" s="45"/>
      <c r="O413" s="4"/>
      <c r="P413" s="4"/>
      <c r="Q413" s="6"/>
      <c r="R413" s="77"/>
    </row>
    <row r="414" spans="1:18">
      <c r="A414" s="70"/>
      <c r="B414" s="45"/>
      <c r="C414" s="45"/>
      <c r="D414" s="45"/>
      <c r="E414" s="57"/>
      <c r="F414" s="45"/>
      <c r="G414" s="112"/>
      <c r="H414" s="45"/>
      <c r="I414" s="31"/>
      <c r="J414" s="45"/>
      <c r="K414" s="112"/>
      <c r="L414" s="45"/>
      <c r="M414" s="34"/>
      <c r="N414" s="45"/>
      <c r="O414" s="4"/>
      <c r="P414" s="4"/>
      <c r="Q414" s="6"/>
      <c r="R414" s="77"/>
    </row>
    <row r="415" spans="1:18">
      <c r="A415" s="70">
        <f>MAX(A$12:A414)+1</f>
        <v>185</v>
      </c>
      <c r="B415" s="45"/>
      <c r="C415" s="45" t="s">
        <v>34</v>
      </c>
      <c r="D415" s="45"/>
      <c r="E415" s="57" t="s">
        <v>27</v>
      </c>
      <c r="F415" s="45"/>
      <c r="G415" s="111">
        <v>12.303800000000003</v>
      </c>
      <c r="H415" s="45"/>
      <c r="I415" s="31">
        <v>-1.9999999999988916E-3</v>
      </c>
      <c r="J415" s="45"/>
      <c r="K415" s="59">
        <v>0</v>
      </c>
      <c r="L415" s="45"/>
      <c r="M415" s="34">
        <f t="shared" ref="M415" si="60">G415+I415+K415</f>
        <v>12.301800000000004</v>
      </c>
      <c r="N415" s="45"/>
      <c r="O415" s="4"/>
      <c r="P415" s="4"/>
      <c r="Q415" s="6"/>
      <c r="R415" s="77"/>
    </row>
    <row r="416" spans="1:18">
      <c r="A416" s="70"/>
      <c r="B416" s="45"/>
      <c r="C416" s="118"/>
      <c r="D416" s="45"/>
      <c r="E416" s="45"/>
      <c r="F416" s="45"/>
      <c r="G416" s="112"/>
      <c r="H416" s="45"/>
      <c r="I416" s="34"/>
      <c r="J416" s="45"/>
      <c r="K416" s="112"/>
      <c r="L416" s="45"/>
      <c r="M416" s="45"/>
      <c r="N416" s="45"/>
      <c r="O416" s="6"/>
      <c r="P416" s="6"/>
      <c r="Q416" s="6"/>
      <c r="R416" s="77"/>
    </row>
    <row r="417" spans="1:18">
      <c r="A417" s="70"/>
      <c r="B417" s="45"/>
      <c r="C417" s="105" t="s">
        <v>164</v>
      </c>
      <c r="D417" s="45"/>
      <c r="E417" s="45"/>
      <c r="F417" s="45"/>
      <c r="G417" s="112"/>
      <c r="H417" s="45"/>
      <c r="I417" s="34"/>
      <c r="J417" s="45"/>
      <c r="K417" s="112"/>
      <c r="L417" s="45"/>
      <c r="M417" s="45"/>
      <c r="N417" s="45"/>
      <c r="O417" s="6"/>
      <c r="P417" s="6"/>
      <c r="Q417" s="6"/>
      <c r="R417" s="77"/>
    </row>
    <row r="418" spans="1:18">
      <c r="A418" s="70"/>
      <c r="B418" s="45"/>
      <c r="C418" s="45" t="s">
        <v>165</v>
      </c>
      <c r="D418" s="45"/>
      <c r="E418" s="45"/>
      <c r="F418" s="45"/>
      <c r="G418" s="112"/>
      <c r="H418" s="45"/>
      <c r="I418" s="34"/>
      <c r="J418" s="45"/>
      <c r="K418" s="112"/>
      <c r="L418" s="45"/>
      <c r="M418" s="45"/>
      <c r="N418" s="45"/>
      <c r="O418" s="6"/>
      <c r="P418" s="6"/>
      <c r="Q418" s="6"/>
      <c r="R418" s="77"/>
    </row>
    <row r="419" spans="1:18">
      <c r="A419" s="70">
        <f>MAX(A$12:A418)+1</f>
        <v>186</v>
      </c>
      <c r="B419" s="45"/>
      <c r="C419" s="107" t="s">
        <v>43</v>
      </c>
      <c r="D419" s="45"/>
      <c r="E419" s="57" t="s">
        <v>44</v>
      </c>
      <c r="F419" s="45"/>
      <c r="G419" s="112">
        <v>33.838799999999999</v>
      </c>
      <c r="H419" s="45"/>
      <c r="I419" s="34">
        <v>3.1383999999999972</v>
      </c>
      <c r="J419" s="45"/>
      <c r="K419" s="59">
        <v>0</v>
      </c>
      <c r="L419" s="45"/>
      <c r="M419" s="34">
        <f t="shared" ref="M419:M420" si="61">G419+I419+K419</f>
        <v>36.977199999999996</v>
      </c>
      <c r="N419" s="45"/>
      <c r="O419" s="4"/>
      <c r="P419" s="4"/>
      <c r="Q419" s="6"/>
      <c r="R419" s="77"/>
    </row>
    <row r="420" spans="1:18">
      <c r="A420" s="70">
        <f>MAX(A$12:A419)+1</f>
        <v>187</v>
      </c>
      <c r="B420" s="45"/>
      <c r="C420" s="107" t="s">
        <v>25</v>
      </c>
      <c r="D420" s="45"/>
      <c r="E420" s="57" t="s">
        <v>27</v>
      </c>
      <c r="F420" s="45"/>
      <c r="G420" s="112">
        <v>0.34060000000000001</v>
      </c>
      <c r="H420" s="45"/>
      <c r="I420" s="34">
        <v>1.6000000000000014E-2</v>
      </c>
      <c r="J420" s="45"/>
      <c r="K420" s="31">
        <v>-8.0000000000000004E-4</v>
      </c>
      <c r="L420" s="45"/>
      <c r="M420" s="34">
        <f t="shared" si="61"/>
        <v>0.35580000000000001</v>
      </c>
      <c r="N420" s="45"/>
      <c r="O420" s="4"/>
      <c r="P420" s="4"/>
      <c r="Q420" s="6"/>
      <c r="R420" s="77"/>
    </row>
    <row r="421" spans="1:18">
      <c r="A421" s="70"/>
      <c r="B421" s="45"/>
      <c r="C421" s="45"/>
      <c r="D421" s="45"/>
      <c r="E421" s="45"/>
      <c r="F421" s="45"/>
      <c r="G421" s="112"/>
      <c r="H421" s="45"/>
      <c r="I421" s="34"/>
      <c r="J421" s="45"/>
      <c r="K421" s="112"/>
      <c r="L421" s="45"/>
      <c r="M421" s="112"/>
      <c r="N421" s="45"/>
      <c r="O421" s="4"/>
      <c r="P421" s="4"/>
      <c r="Q421" s="6"/>
      <c r="R421" s="77"/>
    </row>
    <row r="422" spans="1:18">
      <c r="A422" s="70"/>
      <c r="B422" s="45"/>
      <c r="C422" s="45" t="s">
        <v>166</v>
      </c>
      <c r="D422" s="45"/>
      <c r="E422" s="45"/>
      <c r="F422" s="45"/>
      <c r="G422" s="112"/>
      <c r="H422" s="45"/>
      <c r="I422" s="34"/>
      <c r="J422" s="45"/>
      <c r="K422" s="112"/>
      <c r="L422" s="45"/>
      <c r="M422" s="112"/>
      <c r="N422" s="45"/>
      <c r="O422" s="4"/>
      <c r="P422" s="4"/>
      <c r="Q422" s="6"/>
      <c r="R422" s="77"/>
    </row>
    <row r="423" spans="1:18">
      <c r="A423" s="70">
        <f>MAX(A$12:A422)+1</f>
        <v>188</v>
      </c>
      <c r="B423" s="45"/>
      <c r="C423" s="107" t="s">
        <v>167</v>
      </c>
      <c r="D423" s="45"/>
      <c r="E423" s="57" t="s">
        <v>27</v>
      </c>
      <c r="F423" s="45"/>
      <c r="G423" s="112">
        <v>6.9897</v>
      </c>
      <c r="H423" s="45"/>
      <c r="I423" s="34">
        <v>0.34030000000000005</v>
      </c>
      <c r="J423" s="45"/>
      <c r="K423" s="31">
        <v>-8.0000000000000004E-4</v>
      </c>
      <c r="L423" s="45"/>
      <c r="M423" s="34">
        <f t="shared" ref="M423:M426" si="62">G423+I423+K423</f>
        <v>7.3292000000000002</v>
      </c>
      <c r="N423" s="45"/>
      <c r="O423" s="4"/>
      <c r="P423" s="4"/>
      <c r="Q423" s="6"/>
      <c r="R423" s="77"/>
    </row>
    <row r="424" spans="1:18">
      <c r="A424" s="70">
        <f>MAX(A$12:A423)+1</f>
        <v>189</v>
      </c>
      <c r="B424" s="45"/>
      <c r="C424" s="107" t="s">
        <v>168</v>
      </c>
      <c r="D424" s="45"/>
      <c r="E424" s="57" t="s">
        <v>27</v>
      </c>
      <c r="F424" s="45"/>
      <c r="G424" s="112">
        <v>6.7455999999999996</v>
      </c>
      <c r="H424" s="45"/>
      <c r="I424" s="34">
        <f>I423</f>
        <v>0.34030000000000005</v>
      </c>
      <c r="J424" s="45"/>
      <c r="K424" s="31">
        <v>-8.0000000000000004E-4</v>
      </c>
      <c r="L424" s="45"/>
      <c r="M424" s="34">
        <f t="shared" si="62"/>
        <v>7.0850999999999997</v>
      </c>
      <c r="N424" s="45"/>
      <c r="O424" s="4"/>
      <c r="P424" s="4"/>
      <c r="Q424" s="6"/>
      <c r="R424" s="77"/>
    </row>
    <row r="425" spans="1:18">
      <c r="A425" s="70"/>
      <c r="B425" s="45"/>
      <c r="C425" s="107"/>
      <c r="D425" s="45"/>
      <c r="E425" s="57"/>
      <c r="F425" s="45"/>
      <c r="G425" s="112"/>
      <c r="H425" s="45"/>
      <c r="I425" s="34"/>
      <c r="J425" s="45"/>
      <c r="K425" s="112"/>
      <c r="L425" s="45"/>
      <c r="M425" s="34"/>
      <c r="N425" s="45"/>
      <c r="O425" s="4"/>
      <c r="P425" s="4"/>
      <c r="Q425" s="6"/>
      <c r="R425" s="77"/>
    </row>
    <row r="426" spans="1:18">
      <c r="A426" s="70">
        <f>MAX(A$12:A424)+1</f>
        <v>190</v>
      </c>
      <c r="B426" s="45"/>
      <c r="C426" s="45" t="s">
        <v>34</v>
      </c>
      <c r="D426" s="45"/>
      <c r="E426" s="57" t="s">
        <v>27</v>
      </c>
      <c r="F426" s="45"/>
      <c r="G426" s="112">
        <v>12.303800000000003</v>
      </c>
      <c r="H426" s="45"/>
      <c r="I426" s="31">
        <v>-1.9999999999988916E-3</v>
      </c>
      <c r="J426" s="45"/>
      <c r="K426" s="59">
        <v>0</v>
      </c>
      <c r="L426" s="45"/>
      <c r="M426" s="34">
        <f t="shared" si="62"/>
        <v>12.301800000000004</v>
      </c>
      <c r="N426" s="45"/>
      <c r="O426" s="4"/>
      <c r="P426" s="4"/>
      <c r="Q426" s="6"/>
      <c r="R426" s="77"/>
    </row>
    <row r="427" spans="1:18">
      <c r="A427" s="70"/>
      <c r="B427" s="45"/>
      <c r="C427" s="118"/>
      <c r="D427" s="45"/>
      <c r="E427" s="45"/>
      <c r="F427" s="45"/>
      <c r="G427" s="45"/>
      <c r="H427" s="45"/>
      <c r="I427" s="34"/>
      <c r="J427" s="45"/>
      <c r="K427" s="112"/>
      <c r="L427" s="45"/>
      <c r="M427" s="45"/>
      <c r="N427" s="45"/>
      <c r="O427" s="4"/>
      <c r="P427" s="4"/>
      <c r="Q427" s="6"/>
      <c r="R427" s="77"/>
    </row>
    <row r="428" spans="1:18">
      <c r="A428" s="70"/>
      <c r="B428" s="45"/>
      <c r="C428" s="105" t="s">
        <v>169</v>
      </c>
      <c r="D428" s="45"/>
      <c r="E428" s="45"/>
      <c r="F428" s="45"/>
      <c r="G428" s="45"/>
      <c r="H428" s="45"/>
      <c r="I428" s="34"/>
      <c r="J428" s="45"/>
      <c r="K428" s="112"/>
      <c r="L428" s="45"/>
      <c r="M428" s="45"/>
      <c r="N428" s="45"/>
      <c r="O428" s="4"/>
      <c r="P428" s="4"/>
      <c r="Q428" s="6"/>
      <c r="R428" s="77"/>
    </row>
    <row r="429" spans="1:18">
      <c r="A429" s="70">
        <f>MAX(A$12:A428)+1</f>
        <v>191</v>
      </c>
      <c r="B429" s="45"/>
      <c r="C429" s="45" t="s">
        <v>170</v>
      </c>
      <c r="D429" s="45"/>
      <c r="E429" s="57" t="s">
        <v>44</v>
      </c>
      <c r="F429" s="45"/>
      <c r="G429" s="45">
        <v>27.228400000000001</v>
      </c>
      <c r="H429" s="45"/>
      <c r="I429" s="34">
        <v>0.74050000000000082</v>
      </c>
      <c r="J429" s="45"/>
      <c r="K429" s="59">
        <v>0</v>
      </c>
      <c r="L429" s="45"/>
      <c r="M429" s="34">
        <f t="shared" ref="M429:M430" si="63">G429+I429+K429</f>
        <v>27.968900000000001</v>
      </c>
      <c r="N429" s="45"/>
      <c r="O429" s="4"/>
      <c r="P429" s="4"/>
      <c r="Q429" s="6"/>
      <c r="R429" s="77"/>
    </row>
    <row r="430" spans="1:18">
      <c r="A430" s="70">
        <f>MAX(A$12:A429)+1</f>
        <v>192</v>
      </c>
      <c r="B430" s="45"/>
      <c r="C430" s="41" t="s">
        <v>171</v>
      </c>
      <c r="D430" s="45"/>
      <c r="E430" s="57" t="s">
        <v>27</v>
      </c>
      <c r="F430" s="45"/>
      <c r="G430" s="45">
        <v>0.24180000000000001</v>
      </c>
      <c r="H430" s="45"/>
      <c r="I430" s="34">
        <v>1.369999999999999E-2</v>
      </c>
      <c r="J430" s="45"/>
      <c r="K430" s="31">
        <v>1.1000000000000001E-3</v>
      </c>
      <c r="L430" s="45"/>
      <c r="M430" s="34">
        <f t="shared" si="63"/>
        <v>0.25659999999999999</v>
      </c>
      <c r="N430" s="45"/>
      <c r="O430" s="4"/>
      <c r="P430" s="4"/>
      <c r="Q430" s="6"/>
      <c r="R430" s="77"/>
    </row>
    <row r="431" spans="1:18">
      <c r="A431" s="70"/>
      <c r="B431" s="45"/>
      <c r="C431" s="45"/>
      <c r="D431" s="45"/>
      <c r="E431" s="45"/>
      <c r="F431" s="45"/>
      <c r="G431" s="45"/>
      <c r="H431" s="45"/>
      <c r="I431" s="34"/>
      <c r="J431" s="45"/>
      <c r="K431" s="112"/>
      <c r="L431" s="45"/>
      <c r="M431" s="112"/>
      <c r="N431" s="45"/>
      <c r="O431" s="4"/>
      <c r="P431" s="4"/>
      <c r="Q431" s="6"/>
      <c r="R431" s="77"/>
    </row>
    <row r="432" spans="1:18">
      <c r="A432" s="70">
        <f>MAX(A$12:A431)+1</f>
        <v>193</v>
      </c>
      <c r="B432" s="45"/>
      <c r="C432" s="45" t="s">
        <v>34</v>
      </c>
      <c r="D432" s="45"/>
      <c r="E432" s="57" t="s">
        <v>27</v>
      </c>
      <c r="F432" s="45"/>
      <c r="G432" s="111">
        <v>12.303800000000003</v>
      </c>
      <c r="H432" s="45"/>
      <c r="I432" s="31">
        <v>-1.9999999999988916E-3</v>
      </c>
      <c r="J432" s="45"/>
      <c r="K432" s="59">
        <v>0</v>
      </c>
      <c r="L432" s="45"/>
      <c r="M432" s="34">
        <f t="shared" ref="M432" si="64">G432+I432+K432</f>
        <v>12.301800000000004</v>
      </c>
      <c r="N432" s="45"/>
      <c r="O432" s="4"/>
      <c r="P432" s="4"/>
      <c r="Q432" s="6"/>
      <c r="R432" s="77"/>
    </row>
    <row r="433" spans="1:31">
      <c r="A433" s="70"/>
      <c r="B433" s="45"/>
      <c r="C433" s="45"/>
      <c r="D433" s="45"/>
      <c r="E433" s="45"/>
      <c r="F433" s="45"/>
      <c r="G433" s="45"/>
      <c r="H433" s="45"/>
      <c r="I433" s="34"/>
      <c r="J433" s="45"/>
      <c r="K433" s="112"/>
      <c r="L433" s="45"/>
      <c r="M433" s="45"/>
      <c r="N433" s="45"/>
      <c r="O433" s="4"/>
      <c r="P433" s="4"/>
      <c r="Q433" s="6"/>
      <c r="R433" s="77"/>
    </row>
    <row r="434" spans="1:31">
      <c r="A434" s="70"/>
      <c r="B434" s="45"/>
      <c r="C434" s="45"/>
      <c r="D434" s="45"/>
      <c r="E434" s="45"/>
      <c r="F434" s="45"/>
      <c r="G434" s="45"/>
      <c r="H434" s="45"/>
      <c r="I434" s="34"/>
      <c r="J434" s="45"/>
      <c r="K434" s="112"/>
      <c r="L434" s="45"/>
      <c r="M434" s="45"/>
      <c r="N434" s="45"/>
      <c r="O434" s="4"/>
      <c r="P434" s="4"/>
      <c r="Q434" s="6"/>
      <c r="R434" s="77"/>
    </row>
    <row r="435" spans="1:31">
      <c r="A435" s="70"/>
      <c r="B435" s="45"/>
      <c r="C435" s="45"/>
      <c r="D435" s="45"/>
      <c r="E435" s="45"/>
      <c r="F435" s="45"/>
      <c r="G435" s="45"/>
      <c r="H435" s="45"/>
      <c r="I435" s="34"/>
      <c r="J435" s="45"/>
      <c r="K435" s="112"/>
      <c r="L435" s="45"/>
      <c r="M435" s="45"/>
      <c r="N435" s="45"/>
      <c r="O435" s="4"/>
      <c r="P435" s="4"/>
      <c r="Q435" s="6"/>
      <c r="R435" s="77"/>
    </row>
    <row r="436" spans="1:31">
      <c r="A436" s="70"/>
      <c r="B436" s="45"/>
      <c r="C436" s="45"/>
      <c r="D436" s="45"/>
      <c r="E436" s="45"/>
      <c r="F436" s="45"/>
      <c r="G436" s="45"/>
      <c r="H436" s="45"/>
      <c r="I436" s="34"/>
      <c r="J436" s="45"/>
      <c r="K436" s="112"/>
      <c r="L436" s="45"/>
      <c r="M436" s="45"/>
      <c r="N436" s="45"/>
      <c r="O436" s="4"/>
      <c r="P436" s="4"/>
      <c r="Q436" s="6"/>
      <c r="R436" s="77"/>
    </row>
    <row r="437" spans="1:31">
      <c r="A437" s="70"/>
      <c r="B437" s="45"/>
      <c r="C437" s="45"/>
      <c r="D437" s="45"/>
      <c r="E437" s="45"/>
      <c r="F437" s="45"/>
      <c r="G437" s="45"/>
      <c r="H437" s="45"/>
      <c r="I437" s="34"/>
      <c r="J437" s="45"/>
      <c r="K437" s="112"/>
      <c r="L437" s="45"/>
      <c r="M437" s="45"/>
      <c r="N437" s="45"/>
      <c r="O437" s="4"/>
      <c r="P437" s="4"/>
      <c r="Q437" s="6"/>
      <c r="R437" s="77"/>
    </row>
    <row r="438" spans="1:31">
      <c r="A438" s="70"/>
      <c r="B438" s="45"/>
      <c r="C438" s="45"/>
      <c r="D438" s="45"/>
      <c r="E438" s="45"/>
      <c r="F438" s="45"/>
      <c r="G438" s="45"/>
      <c r="H438" s="45"/>
      <c r="I438" s="34"/>
      <c r="J438" s="45"/>
      <c r="K438" s="112"/>
      <c r="L438" s="45"/>
      <c r="M438" s="45"/>
      <c r="N438" s="45"/>
      <c r="O438" s="4"/>
      <c r="P438" s="4"/>
      <c r="Q438" s="6"/>
      <c r="R438" s="77"/>
    </row>
    <row r="439" spans="1:31">
      <c r="A439" s="134"/>
      <c r="B439" s="134"/>
      <c r="C439" s="134"/>
      <c r="D439" s="134"/>
      <c r="E439" s="134"/>
      <c r="F439" s="134"/>
      <c r="G439" s="134"/>
      <c r="H439" s="134"/>
      <c r="I439" s="134"/>
      <c r="J439" s="134"/>
      <c r="K439" s="134"/>
      <c r="L439" s="134"/>
      <c r="M439" s="134"/>
      <c r="N439" s="45"/>
      <c r="O439" s="4"/>
      <c r="P439" s="4"/>
      <c r="Q439" s="6"/>
      <c r="R439" s="77"/>
    </row>
    <row r="440" spans="1:31" ht="12.75" customHeight="1">
      <c r="A440" s="134" t="s">
        <v>52</v>
      </c>
      <c r="B440" s="134"/>
      <c r="C440" s="134"/>
      <c r="D440" s="134"/>
      <c r="E440" s="134"/>
      <c r="F440" s="134"/>
      <c r="G440" s="134"/>
      <c r="H440" s="134"/>
      <c r="I440" s="134"/>
      <c r="J440" s="134"/>
      <c r="K440" s="134"/>
      <c r="L440" s="134"/>
      <c r="M440" s="134"/>
      <c r="P440" s="5"/>
      <c r="R440" s="77"/>
      <c r="S440" s="77"/>
      <c r="Z440" s="72"/>
      <c r="AA440" s="72"/>
      <c r="AB440" s="72"/>
      <c r="AC440" s="72"/>
      <c r="AD440" s="72"/>
      <c r="AE440" s="72"/>
    </row>
    <row r="441" spans="1:31">
      <c r="A441" s="134" t="s">
        <v>136</v>
      </c>
      <c r="B441" s="134"/>
      <c r="C441" s="134"/>
      <c r="D441" s="134"/>
      <c r="E441" s="134"/>
      <c r="F441" s="134"/>
      <c r="G441" s="134"/>
      <c r="H441" s="134"/>
      <c r="I441" s="134"/>
      <c r="J441" s="134"/>
      <c r="K441" s="134"/>
      <c r="L441" s="134"/>
      <c r="M441" s="134"/>
      <c r="N441" s="45"/>
      <c r="O441" s="4"/>
      <c r="P441" s="4"/>
      <c r="Q441" s="6"/>
      <c r="R441" s="77"/>
    </row>
    <row r="442" spans="1:31">
      <c r="A442" s="100"/>
      <c r="B442" s="100"/>
      <c r="C442" s="100"/>
      <c r="D442" s="100"/>
      <c r="E442" s="100"/>
      <c r="F442" s="100"/>
      <c r="G442" s="100"/>
      <c r="H442" s="100"/>
      <c r="I442" s="100"/>
      <c r="J442" s="100"/>
      <c r="K442" s="100"/>
      <c r="L442" s="100"/>
      <c r="M442" s="100"/>
      <c r="N442" s="45"/>
      <c r="O442" s="4"/>
      <c r="P442" s="4"/>
      <c r="Q442" s="6"/>
      <c r="R442" s="77"/>
    </row>
    <row r="443" spans="1:31">
      <c r="A443" s="70"/>
      <c r="B443" s="14"/>
      <c r="C443" s="16"/>
      <c r="D443" s="16"/>
      <c r="E443" s="16"/>
      <c r="F443" s="17"/>
      <c r="G443" s="24" t="s">
        <v>2</v>
      </c>
      <c r="H443" s="11"/>
      <c r="I443" s="11"/>
      <c r="J443" s="11"/>
      <c r="K443" s="102"/>
      <c r="L443" s="12"/>
      <c r="M443" s="102" t="s">
        <v>3</v>
      </c>
      <c r="N443" s="45"/>
      <c r="O443" s="4"/>
      <c r="P443" s="4"/>
      <c r="Q443" s="6"/>
      <c r="R443" s="77"/>
    </row>
    <row r="444" spans="1:31">
      <c r="A444" s="70"/>
      <c r="B444" s="14"/>
      <c r="C444" s="16"/>
      <c r="D444" s="16"/>
      <c r="E444" s="16"/>
      <c r="F444" s="74"/>
      <c r="G444" s="24" t="s">
        <v>4</v>
      </c>
      <c r="H444" s="79"/>
      <c r="I444" s="76" t="s">
        <v>5</v>
      </c>
      <c r="J444" s="13"/>
      <c r="K444" s="102" t="s">
        <v>6</v>
      </c>
      <c r="L444" s="12"/>
      <c r="M444" s="24" t="s">
        <v>4</v>
      </c>
      <c r="N444" s="45"/>
      <c r="O444" s="4"/>
      <c r="P444" s="4"/>
      <c r="Q444" s="6"/>
      <c r="R444" s="77"/>
    </row>
    <row r="445" spans="1:31">
      <c r="A445" s="70" t="s">
        <v>7</v>
      </c>
      <c r="B445" s="14"/>
      <c r="C445" s="16"/>
      <c r="D445" s="16"/>
      <c r="E445" s="17"/>
      <c r="F445" s="14"/>
      <c r="G445" s="76" t="s">
        <v>6</v>
      </c>
      <c r="H445" s="18"/>
      <c r="I445" s="80" t="s">
        <v>8</v>
      </c>
      <c r="K445" s="102" t="s">
        <v>9</v>
      </c>
      <c r="L445" s="12"/>
      <c r="M445" s="103" t="s">
        <v>10</v>
      </c>
      <c r="N445" s="45"/>
      <c r="O445" s="4"/>
      <c r="P445" s="4"/>
      <c r="Q445" s="6"/>
      <c r="R445" s="77"/>
    </row>
    <row r="446" spans="1:31">
      <c r="A446" s="69" t="s">
        <v>11</v>
      </c>
      <c r="B446" s="17"/>
      <c r="C446" s="20" t="s">
        <v>12</v>
      </c>
      <c r="D446" s="16"/>
      <c r="E446" s="21" t="s">
        <v>13</v>
      </c>
      <c r="F446" s="17"/>
      <c r="G446" s="22" t="s">
        <v>14</v>
      </c>
      <c r="H446" s="70"/>
      <c r="I446" s="88" t="s">
        <v>15</v>
      </c>
      <c r="K446" s="22" t="s">
        <v>16</v>
      </c>
      <c r="L446" s="12"/>
      <c r="M446" s="104" t="s">
        <v>17</v>
      </c>
      <c r="N446" s="45"/>
      <c r="O446" s="4"/>
      <c r="P446" s="4"/>
      <c r="Q446" s="6"/>
      <c r="R446" s="77"/>
    </row>
    <row r="447" spans="1:31">
      <c r="A447" s="70"/>
      <c r="B447" s="14"/>
      <c r="C447" s="16"/>
      <c r="D447" s="16"/>
      <c r="E447" s="75"/>
      <c r="F447" s="17"/>
      <c r="G447" s="70" t="s">
        <v>18</v>
      </c>
      <c r="H447" s="70"/>
      <c r="I447" s="76" t="s">
        <v>19</v>
      </c>
      <c r="K447" s="23" t="s">
        <v>20</v>
      </c>
      <c r="L447" s="24"/>
      <c r="M447" s="23" t="s">
        <v>21</v>
      </c>
      <c r="N447" s="45"/>
      <c r="O447" s="4"/>
      <c r="P447" s="4"/>
      <c r="Q447" s="6"/>
      <c r="R447" s="77"/>
    </row>
    <row r="448" spans="1:31">
      <c r="A448" s="70"/>
      <c r="B448" s="45"/>
      <c r="C448" s="106" t="s">
        <v>172</v>
      </c>
      <c r="D448" s="45"/>
      <c r="E448" s="45"/>
      <c r="F448" s="45"/>
      <c r="G448" s="45"/>
      <c r="H448" s="45"/>
      <c r="I448" s="34"/>
      <c r="J448" s="45"/>
      <c r="K448" s="112"/>
      <c r="L448" s="45"/>
      <c r="M448" s="45"/>
      <c r="N448" s="45"/>
      <c r="O448" s="4"/>
      <c r="P448" s="4"/>
      <c r="Q448" s="6"/>
      <c r="R448" s="77"/>
    </row>
    <row r="449" spans="1:18">
      <c r="A449" s="70">
        <f>MAX(A$12:A448)+1</f>
        <v>194</v>
      </c>
      <c r="B449" s="45"/>
      <c r="C449" s="45" t="s">
        <v>173</v>
      </c>
      <c r="D449" s="45"/>
      <c r="E449" s="24" t="s">
        <v>24</v>
      </c>
      <c r="F449" s="45"/>
      <c r="G449" s="27">
        <v>2156.61</v>
      </c>
      <c r="H449" s="45"/>
      <c r="I449" s="27">
        <v>58.126600000000053</v>
      </c>
      <c r="J449" s="45"/>
      <c r="K449" s="59">
        <v>0</v>
      </c>
      <c r="L449" s="45"/>
      <c r="M449" s="27">
        <f>G449+I449+K449</f>
        <v>2214.7366000000002</v>
      </c>
      <c r="N449" s="45"/>
      <c r="O449" s="4"/>
      <c r="P449" s="4"/>
      <c r="Q449" s="6"/>
      <c r="R449" s="77"/>
    </row>
    <row r="450" spans="1:18">
      <c r="A450" s="70"/>
      <c r="B450" s="45"/>
      <c r="C450" s="45" t="s">
        <v>174</v>
      </c>
      <c r="D450" s="45"/>
      <c r="E450" s="45"/>
      <c r="F450" s="45"/>
      <c r="G450" s="45"/>
      <c r="H450" s="45"/>
      <c r="I450" s="34"/>
      <c r="J450" s="45"/>
      <c r="K450" s="112"/>
      <c r="L450" s="45"/>
      <c r="M450" s="45"/>
      <c r="N450" s="45"/>
      <c r="O450" s="4"/>
      <c r="P450" s="4"/>
      <c r="Q450" s="6"/>
      <c r="R450" s="77"/>
    </row>
    <row r="451" spans="1:18">
      <c r="A451" s="70"/>
      <c r="B451" s="45"/>
      <c r="C451" s="107" t="s">
        <v>175</v>
      </c>
      <c r="D451" s="45"/>
      <c r="E451" s="45"/>
      <c r="F451" s="45"/>
      <c r="G451" s="45"/>
      <c r="H451" s="45"/>
      <c r="I451" s="34"/>
      <c r="J451" s="45"/>
      <c r="K451" s="112"/>
      <c r="L451" s="45"/>
      <c r="M451" s="45"/>
      <c r="N451" s="45"/>
      <c r="O451" s="4"/>
      <c r="P451" s="4"/>
      <c r="Q451" s="6"/>
      <c r="R451" s="77"/>
    </row>
    <row r="452" spans="1:18">
      <c r="A452" s="70">
        <f>MAX(A$12:A451)+1</f>
        <v>195</v>
      </c>
      <c r="B452" s="45"/>
      <c r="C452" s="120" t="s">
        <v>176</v>
      </c>
      <c r="D452" s="45"/>
      <c r="E452" s="57" t="s">
        <v>44</v>
      </c>
      <c r="F452" s="45"/>
      <c r="G452" s="45">
        <v>44.595399999999998</v>
      </c>
      <c r="H452" s="45"/>
      <c r="I452" s="31">
        <v>-1.8222999999999985</v>
      </c>
      <c r="J452" s="45"/>
      <c r="K452" s="59">
        <v>0</v>
      </c>
      <c r="L452" s="45"/>
      <c r="M452" s="34">
        <f t="shared" ref="M452:M453" si="65">G452+I452+K452</f>
        <v>42.773099999999999</v>
      </c>
      <c r="N452" s="45"/>
      <c r="O452" s="4"/>
      <c r="P452" s="4"/>
      <c r="Q452" s="6"/>
      <c r="R452" s="77"/>
    </row>
    <row r="453" spans="1:18">
      <c r="A453" s="70">
        <f>MAX(A$12:A452)+1</f>
        <v>196</v>
      </c>
      <c r="B453" s="45"/>
      <c r="C453" s="120" t="s">
        <v>177</v>
      </c>
      <c r="D453" s="45"/>
      <c r="E453" s="57" t="s">
        <v>44</v>
      </c>
      <c r="F453" s="45"/>
      <c r="G453" s="45">
        <v>31.676199999999998</v>
      </c>
      <c r="H453" s="45"/>
      <c r="I453" s="31">
        <v>-1.1473000000000013</v>
      </c>
      <c r="J453" s="45"/>
      <c r="K453" s="59">
        <v>0</v>
      </c>
      <c r="L453" s="45"/>
      <c r="M453" s="34">
        <f t="shared" si="65"/>
        <v>30.528899999999997</v>
      </c>
      <c r="N453" s="45"/>
      <c r="O453" s="4"/>
      <c r="P453" s="4"/>
      <c r="Q453" s="6"/>
      <c r="R453" s="77"/>
    </row>
    <row r="454" spans="1:18">
      <c r="A454" s="70"/>
      <c r="B454" s="45"/>
      <c r="C454" s="107" t="s">
        <v>178</v>
      </c>
      <c r="D454" s="45"/>
      <c r="E454" s="45"/>
      <c r="F454" s="45"/>
      <c r="G454" s="45"/>
      <c r="H454" s="45"/>
      <c r="I454" s="34"/>
      <c r="J454" s="45"/>
      <c r="K454" s="112"/>
      <c r="L454" s="45"/>
      <c r="M454" s="45"/>
      <c r="N454" s="45"/>
      <c r="O454" s="4"/>
      <c r="P454" s="4"/>
      <c r="Q454" s="6"/>
      <c r="R454" s="77"/>
    </row>
    <row r="455" spans="1:18">
      <c r="A455" s="70">
        <f>MAX(A$12:A454)+1</f>
        <v>197</v>
      </c>
      <c r="B455" s="45"/>
      <c r="C455" s="120" t="s">
        <v>179</v>
      </c>
      <c r="D455" s="45"/>
      <c r="E455" s="57" t="s">
        <v>27</v>
      </c>
      <c r="F455" s="45"/>
      <c r="G455" s="31">
        <v>0.16830000000000001</v>
      </c>
      <c r="H455" s="31"/>
      <c r="I455" s="31">
        <v>-4.0000000000000036E-3</v>
      </c>
      <c r="J455" s="31"/>
      <c r="K455" s="59">
        <v>0</v>
      </c>
      <c r="L455" s="31"/>
      <c r="M455" s="31">
        <f t="shared" ref="M455:M456" si="66">G455+I455+K455</f>
        <v>0.1643</v>
      </c>
      <c r="N455" s="45"/>
      <c r="O455" s="4"/>
      <c r="P455" s="4"/>
      <c r="Q455" s="6"/>
      <c r="R455" s="77"/>
    </row>
    <row r="456" spans="1:18">
      <c r="A456" s="70">
        <f>MAX(A$12:A455)+1</f>
        <v>198</v>
      </c>
      <c r="B456" s="45"/>
      <c r="C456" s="120" t="s">
        <v>180</v>
      </c>
      <c r="D456" s="45"/>
      <c r="E456" s="57" t="s">
        <v>27</v>
      </c>
      <c r="F456" s="45"/>
      <c r="G456" s="31">
        <v>6.9454000000000002</v>
      </c>
      <c r="H456" s="31"/>
      <c r="I456" s="31">
        <v>-4.2399999999999771E-2</v>
      </c>
      <c r="J456" s="31"/>
      <c r="K456" s="59">
        <v>0</v>
      </c>
      <c r="L456" s="31"/>
      <c r="M456" s="31">
        <f t="shared" si="66"/>
        <v>6.9030000000000005</v>
      </c>
      <c r="N456" s="45"/>
      <c r="O456" s="4"/>
      <c r="P456" s="4"/>
      <c r="Q456" s="6"/>
      <c r="R456" s="77"/>
    </row>
    <row r="457" spans="1:18">
      <c r="A457" s="70"/>
      <c r="B457" s="45"/>
      <c r="C457" s="105"/>
      <c r="D457" s="45"/>
      <c r="E457" s="45"/>
      <c r="F457" s="45"/>
      <c r="G457" s="45"/>
      <c r="H457" s="45"/>
      <c r="I457" s="34"/>
      <c r="J457" s="45"/>
      <c r="K457" s="112"/>
      <c r="L457" s="45"/>
      <c r="M457" s="45"/>
      <c r="N457" s="45"/>
      <c r="O457" s="4"/>
      <c r="P457" s="4"/>
      <c r="Q457" s="6"/>
      <c r="R457" s="77"/>
    </row>
    <row r="458" spans="1:18">
      <c r="A458" s="70">
        <f>MAX(A$12:A457)+1</f>
        <v>199</v>
      </c>
      <c r="B458" s="45"/>
      <c r="C458" s="41" t="s">
        <v>181</v>
      </c>
      <c r="D458" s="45"/>
      <c r="E458" s="55" t="s">
        <v>182</v>
      </c>
      <c r="F458" s="45"/>
      <c r="G458" s="121">
        <v>3.5799999999999998E-3</v>
      </c>
      <c r="H458" s="45"/>
      <c r="I458" s="54">
        <v>6.1417999999999976E-4</v>
      </c>
      <c r="J458" s="45"/>
      <c r="K458" s="59">
        <v>0</v>
      </c>
      <c r="L458" s="45"/>
      <c r="M458" s="54">
        <f>G458+I458+K458</f>
        <v>4.1941799999999996E-3</v>
      </c>
      <c r="N458" s="45"/>
      <c r="O458" s="4"/>
      <c r="P458" s="4"/>
      <c r="Q458" s="6"/>
      <c r="R458" s="77"/>
    </row>
    <row r="459" spans="1:18">
      <c r="A459" s="70"/>
      <c r="B459" s="45"/>
      <c r="C459" s="105"/>
      <c r="D459" s="45"/>
      <c r="E459" s="45"/>
      <c r="F459" s="45"/>
      <c r="G459" s="45"/>
      <c r="H459" s="45"/>
      <c r="I459" s="34"/>
      <c r="J459" s="45"/>
      <c r="K459" s="112"/>
      <c r="L459" s="45"/>
      <c r="M459" s="45"/>
      <c r="N459" s="45"/>
      <c r="O459" s="4"/>
      <c r="P459" s="4"/>
      <c r="Q459" s="6"/>
      <c r="R459" s="77"/>
    </row>
    <row r="460" spans="1:18">
      <c r="A460" s="70"/>
      <c r="B460" s="45"/>
      <c r="C460" s="45" t="s">
        <v>183</v>
      </c>
      <c r="D460" s="45"/>
      <c r="E460" s="45"/>
      <c r="F460" s="45"/>
      <c r="G460" s="45"/>
      <c r="H460" s="45"/>
      <c r="I460" s="34"/>
      <c r="J460" s="45"/>
      <c r="K460" s="112"/>
      <c r="L460" s="45"/>
      <c r="M460" s="45"/>
      <c r="N460" s="45"/>
      <c r="O460" s="4"/>
      <c r="P460" s="4"/>
      <c r="Q460" s="6"/>
      <c r="R460" s="77"/>
    </row>
    <row r="461" spans="1:18">
      <c r="A461" s="70"/>
      <c r="B461" s="45"/>
      <c r="C461" s="107" t="s">
        <v>184</v>
      </c>
      <c r="D461" s="45"/>
      <c r="E461" s="45"/>
      <c r="F461" s="45"/>
      <c r="G461" s="45"/>
      <c r="H461" s="45"/>
      <c r="I461" s="34"/>
      <c r="J461" s="45"/>
      <c r="K461" s="112"/>
      <c r="L461" s="45"/>
      <c r="M461" s="45"/>
      <c r="N461" s="45"/>
      <c r="O461" s="4"/>
      <c r="P461" s="4"/>
      <c r="Q461" s="6"/>
      <c r="R461" s="77"/>
    </row>
    <row r="462" spans="1:18">
      <c r="A462" s="70">
        <f>MAX(A$12:A461)+1</f>
        <v>200</v>
      </c>
      <c r="B462" s="45"/>
      <c r="C462" s="120" t="s">
        <v>185</v>
      </c>
      <c r="D462" s="45"/>
      <c r="E462" s="24" t="s">
        <v>123</v>
      </c>
      <c r="F462" s="45"/>
      <c r="G462" s="45">
        <v>1.2E-2</v>
      </c>
      <c r="H462" s="45"/>
      <c r="I462" s="51">
        <v>2.9999999999999992E-4</v>
      </c>
      <c r="J462" s="45"/>
      <c r="K462" s="59">
        <v>0</v>
      </c>
      <c r="L462" s="45"/>
      <c r="M462" s="51">
        <f t="shared" ref="M462" si="67">G462+I462+K462</f>
        <v>1.23E-2</v>
      </c>
      <c r="N462" s="45"/>
      <c r="O462" s="4"/>
      <c r="P462" s="4"/>
      <c r="Q462" s="6"/>
      <c r="R462" s="77"/>
    </row>
    <row r="463" spans="1:18">
      <c r="A463" s="70"/>
      <c r="B463" s="45"/>
      <c r="C463" s="107" t="s">
        <v>186</v>
      </c>
      <c r="D463" s="45"/>
      <c r="E463" s="45"/>
      <c r="F463" s="45"/>
      <c r="G463" s="45"/>
      <c r="H463" s="45"/>
      <c r="I463" s="51"/>
      <c r="J463" s="45"/>
      <c r="K463" s="112"/>
      <c r="L463" s="45"/>
      <c r="M463" s="122"/>
      <c r="N463" s="45"/>
      <c r="O463" s="4"/>
      <c r="P463" s="4"/>
      <c r="Q463" s="6"/>
      <c r="R463" s="77"/>
    </row>
    <row r="464" spans="1:18">
      <c r="A464" s="70">
        <f>MAX(A$12:A463)+1</f>
        <v>201</v>
      </c>
      <c r="B464" s="45"/>
      <c r="C464" s="120" t="s">
        <v>187</v>
      </c>
      <c r="D464" s="45"/>
      <c r="E464" s="24" t="s">
        <v>123</v>
      </c>
      <c r="F464" s="45"/>
      <c r="G464" s="45">
        <v>1.716</v>
      </c>
      <c r="H464" s="45"/>
      <c r="I464" s="51">
        <v>4.8000000000000043E-2</v>
      </c>
      <c r="J464" s="45"/>
      <c r="K464" s="60">
        <v>6.0000000000000001E-3</v>
      </c>
      <c r="L464" s="45"/>
      <c r="M464" s="51">
        <f t="shared" ref="M464:M467" si="68">G464+I464+K464</f>
        <v>1.77</v>
      </c>
      <c r="N464" s="45"/>
      <c r="O464" s="4"/>
      <c r="P464" s="4"/>
      <c r="Q464" s="6"/>
      <c r="R464" s="77"/>
    </row>
    <row r="465" spans="1:18">
      <c r="A465" s="70">
        <f>MAX(A$12:A464)+1</f>
        <v>202</v>
      </c>
      <c r="B465" s="45"/>
      <c r="C465" s="120" t="s">
        <v>188</v>
      </c>
      <c r="D465" s="45"/>
      <c r="E465" s="24" t="s">
        <v>123</v>
      </c>
      <c r="F465" s="45"/>
      <c r="G465" s="45">
        <v>1.4730000000000001</v>
      </c>
      <c r="H465" s="45"/>
      <c r="I465" s="51">
        <v>4.5099999999999918E-2</v>
      </c>
      <c r="J465" s="45"/>
      <c r="K465" s="59">
        <v>0</v>
      </c>
      <c r="L465" s="45"/>
      <c r="M465" s="51">
        <f t="shared" si="68"/>
        <v>1.5181</v>
      </c>
      <c r="N465" s="45"/>
      <c r="O465" s="4"/>
      <c r="P465" s="4"/>
      <c r="Q465" s="6"/>
      <c r="R465" s="77"/>
    </row>
    <row r="466" spans="1:18">
      <c r="A466" s="70">
        <f>MAX(A$12:A465)+1</f>
        <v>203</v>
      </c>
      <c r="B466" s="45"/>
      <c r="C466" s="120" t="s">
        <v>189</v>
      </c>
      <c r="D466" s="45"/>
      <c r="E466" s="24" t="s">
        <v>123</v>
      </c>
      <c r="F466" s="45"/>
      <c r="G466" s="45">
        <v>1.4730000000000001</v>
      </c>
      <c r="H466" s="45"/>
      <c r="I466" s="51">
        <v>4.5099999999999918E-2</v>
      </c>
      <c r="J466" s="45"/>
      <c r="K466" s="59">
        <v>0</v>
      </c>
      <c r="L466" s="45"/>
      <c r="M466" s="51">
        <f t="shared" si="68"/>
        <v>1.5181</v>
      </c>
      <c r="N466" s="45"/>
      <c r="O466" s="4"/>
      <c r="P466" s="4"/>
      <c r="Q466" s="6"/>
      <c r="R466" s="77"/>
    </row>
    <row r="467" spans="1:18">
      <c r="A467" s="70">
        <f>MAX(A$12:A466)+1</f>
        <v>204</v>
      </c>
      <c r="B467" s="45"/>
      <c r="C467" s="120" t="s">
        <v>190</v>
      </c>
      <c r="D467" s="45"/>
      <c r="E467" s="24" t="s">
        <v>123</v>
      </c>
      <c r="F467" s="45"/>
      <c r="G467" s="45">
        <v>1.4730000000000001</v>
      </c>
      <c r="H467" s="45"/>
      <c r="I467" s="51">
        <v>4.5099999999999918E-2</v>
      </c>
      <c r="J467" s="45"/>
      <c r="K467" s="59">
        <v>0</v>
      </c>
      <c r="L467" s="45"/>
      <c r="M467" s="51">
        <f t="shared" si="68"/>
        <v>1.5181</v>
      </c>
      <c r="N467" s="45"/>
      <c r="O467" s="4"/>
      <c r="P467" s="4"/>
      <c r="Q467" s="6"/>
      <c r="R467" s="77"/>
    </row>
    <row r="468" spans="1:18">
      <c r="A468" s="70"/>
      <c r="B468" s="45"/>
      <c r="C468" s="107" t="s">
        <v>124</v>
      </c>
      <c r="D468" s="45"/>
      <c r="E468" s="45"/>
      <c r="F468" s="45"/>
      <c r="G468" s="45"/>
      <c r="H468" s="45"/>
      <c r="I468" s="51"/>
      <c r="J468" s="45"/>
      <c r="K468" s="112"/>
      <c r="L468" s="45"/>
      <c r="M468" s="112"/>
      <c r="N468" s="45"/>
      <c r="O468" s="4"/>
      <c r="P468" s="4"/>
      <c r="Q468" s="6"/>
      <c r="R468" s="77"/>
    </row>
    <row r="469" spans="1:18">
      <c r="A469" s="70">
        <f>MAX(A$12:A468)+1</f>
        <v>205</v>
      </c>
      <c r="B469" s="45"/>
      <c r="C469" s="120" t="s">
        <v>191</v>
      </c>
      <c r="D469" s="45"/>
      <c r="E469" s="24" t="s">
        <v>125</v>
      </c>
      <c r="F469" s="45"/>
      <c r="G469" s="45">
        <v>1.2E-2</v>
      </c>
      <c r="H469" s="45"/>
      <c r="I469" s="60">
        <v>2.9999999999999992E-4</v>
      </c>
      <c r="J469" s="45"/>
      <c r="K469" s="59">
        <v>0</v>
      </c>
      <c r="L469" s="45"/>
      <c r="M469" s="51">
        <f t="shared" ref="M469:M471" si="69">G469+I469+K469</f>
        <v>1.23E-2</v>
      </c>
      <c r="N469" s="45"/>
      <c r="O469" s="4"/>
      <c r="P469" s="4"/>
      <c r="Q469" s="6"/>
      <c r="R469" s="77"/>
    </row>
    <row r="470" spans="1:18">
      <c r="A470" s="70"/>
      <c r="B470" s="45"/>
      <c r="C470" s="120"/>
      <c r="D470" s="45"/>
      <c r="E470" s="24"/>
      <c r="F470" s="45"/>
      <c r="G470" s="45"/>
      <c r="H470" s="45"/>
      <c r="I470" s="59"/>
      <c r="J470" s="45"/>
      <c r="K470" s="59"/>
      <c r="L470" s="45"/>
      <c r="M470" s="34"/>
      <c r="N470" s="45"/>
      <c r="O470" s="4"/>
      <c r="P470" s="4"/>
      <c r="Q470" s="6"/>
      <c r="R470" s="77"/>
    </row>
    <row r="471" spans="1:18">
      <c r="A471" s="70">
        <f>MAX(A$12:A470)+1</f>
        <v>206</v>
      </c>
      <c r="B471" s="45"/>
      <c r="C471" s="107" t="s">
        <v>192</v>
      </c>
      <c r="D471" s="45"/>
      <c r="E471" s="55" t="s">
        <v>182</v>
      </c>
      <c r="F471" s="45"/>
      <c r="G471" s="121">
        <v>4.45E-3</v>
      </c>
      <c r="H471" s="45"/>
      <c r="I471" s="54">
        <v>5.1148999999999986E-4</v>
      </c>
      <c r="J471" s="45"/>
      <c r="K471" s="59">
        <v>0</v>
      </c>
      <c r="L471" s="45"/>
      <c r="M471" s="54">
        <f t="shared" si="69"/>
        <v>4.9614899999999998E-3</v>
      </c>
      <c r="N471" s="45"/>
      <c r="O471" s="4"/>
      <c r="P471" s="4"/>
      <c r="Q471" s="6"/>
      <c r="R471" s="77"/>
    </row>
    <row r="472" spans="1:18">
      <c r="A472" s="70"/>
      <c r="B472" s="45"/>
      <c r="C472" s="118"/>
      <c r="D472" s="45"/>
      <c r="E472" s="45"/>
      <c r="F472" s="45"/>
      <c r="G472" s="45"/>
      <c r="H472" s="45"/>
      <c r="I472" s="34"/>
      <c r="J472" s="45"/>
      <c r="K472" s="112"/>
      <c r="L472" s="45"/>
      <c r="M472" s="45"/>
      <c r="N472" s="45"/>
      <c r="O472" s="4"/>
      <c r="P472" s="4"/>
      <c r="Q472" s="6"/>
      <c r="R472" s="77"/>
    </row>
    <row r="473" spans="1:18">
      <c r="A473" s="70"/>
      <c r="B473" s="45"/>
      <c r="C473" s="105" t="s">
        <v>193</v>
      </c>
      <c r="D473" s="45"/>
      <c r="E473" s="45"/>
      <c r="F473" s="45"/>
      <c r="G473" s="45"/>
      <c r="H473" s="45"/>
      <c r="I473" s="34"/>
      <c r="J473" s="45"/>
      <c r="K473" s="112"/>
      <c r="L473" s="45"/>
      <c r="M473" s="45"/>
      <c r="N473" s="45"/>
      <c r="O473" s="4"/>
      <c r="P473" s="4"/>
      <c r="Q473" s="6"/>
      <c r="R473" s="77"/>
    </row>
    <row r="474" spans="1:18">
      <c r="A474" s="70">
        <f>MAX(A$12:A473)+1</f>
        <v>207</v>
      </c>
      <c r="B474" s="45"/>
      <c r="C474" s="45" t="s">
        <v>173</v>
      </c>
      <c r="D474" s="45"/>
      <c r="E474" s="24" t="s">
        <v>24</v>
      </c>
      <c r="F474" s="45"/>
      <c r="G474" s="27">
        <v>6804.81</v>
      </c>
      <c r="H474" s="45"/>
      <c r="I474" s="27">
        <v>183.46649999999954</v>
      </c>
      <c r="J474" s="45"/>
      <c r="K474" s="59">
        <v>0</v>
      </c>
      <c r="L474" s="45"/>
      <c r="M474" s="27">
        <f>G474+I474+K474</f>
        <v>6988.2764999999999</v>
      </c>
      <c r="N474" s="45"/>
      <c r="O474" s="4"/>
      <c r="P474" s="4"/>
      <c r="Q474" s="6"/>
      <c r="R474" s="77"/>
    </row>
    <row r="475" spans="1:18">
      <c r="A475" s="70"/>
      <c r="B475" s="45"/>
      <c r="C475" s="45" t="s">
        <v>174</v>
      </c>
      <c r="D475" s="45"/>
      <c r="E475" s="45"/>
      <c r="F475" s="45"/>
      <c r="G475" s="45"/>
      <c r="H475" s="45"/>
      <c r="I475" s="34"/>
      <c r="J475" s="45"/>
      <c r="K475" s="112"/>
      <c r="L475" s="45"/>
      <c r="M475" s="45"/>
      <c r="N475" s="45"/>
      <c r="O475" s="4"/>
      <c r="Q475" s="1"/>
      <c r="R475" s="77"/>
    </row>
    <row r="476" spans="1:18">
      <c r="A476" s="70"/>
      <c r="B476" s="45"/>
      <c r="C476" s="107" t="s">
        <v>175</v>
      </c>
      <c r="D476" s="45"/>
      <c r="E476" s="45"/>
      <c r="F476" s="45"/>
      <c r="G476" s="45"/>
      <c r="H476" s="45"/>
      <c r="I476" s="34"/>
      <c r="J476" s="45"/>
      <c r="K476" s="112"/>
      <c r="L476" s="45"/>
      <c r="M476" s="45"/>
      <c r="N476" s="45"/>
      <c r="O476" s="4"/>
      <c r="Q476" s="1"/>
      <c r="R476" s="77"/>
    </row>
    <row r="477" spans="1:18">
      <c r="A477" s="70">
        <f>MAX(A$12:A476)+1</f>
        <v>208</v>
      </c>
      <c r="B477" s="45"/>
      <c r="C477" s="120" t="s">
        <v>194</v>
      </c>
      <c r="D477" s="45"/>
      <c r="E477" s="57" t="s">
        <v>44</v>
      </c>
      <c r="F477" s="45"/>
      <c r="G477" s="31">
        <v>33.160600000000002</v>
      </c>
      <c r="H477" s="31"/>
      <c r="I477" s="31">
        <v>8.8999999999998636E-2</v>
      </c>
      <c r="J477" s="31"/>
      <c r="K477" s="59">
        <v>0</v>
      </c>
      <c r="L477" s="31"/>
      <c r="M477" s="31">
        <f t="shared" ref="M477:M478" si="70">G477+I477+K477</f>
        <v>33.249600000000001</v>
      </c>
      <c r="N477" s="45"/>
      <c r="O477" s="4"/>
      <c r="Q477" s="1"/>
      <c r="R477" s="77"/>
    </row>
    <row r="478" spans="1:18">
      <c r="A478" s="70">
        <f>MAX(A$12:A477)+1</f>
        <v>209</v>
      </c>
      <c r="B478" s="45"/>
      <c r="C478" s="120" t="s">
        <v>195</v>
      </c>
      <c r="D478" s="45"/>
      <c r="E478" s="57" t="s">
        <v>44</v>
      </c>
      <c r="F478" s="45"/>
      <c r="G478" s="31">
        <v>18.477399999999999</v>
      </c>
      <c r="H478" s="31"/>
      <c r="I478" s="31">
        <v>0.12560000000000215</v>
      </c>
      <c r="J478" s="31"/>
      <c r="K478" s="59">
        <v>0</v>
      </c>
      <c r="L478" s="31"/>
      <c r="M478" s="31">
        <f t="shared" si="70"/>
        <v>18.603000000000002</v>
      </c>
      <c r="N478" s="45"/>
      <c r="O478" s="4"/>
      <c r="Q478" s="1"/>
      <c r="R478" s="77"/>
    </row>
    <row r="479" spans="1:18">
      <c r="A479" s="70"/>
      <c r="B479" s="45"/>
      <c r="C479" s="107" t="s">
        <v>178</v>
      </c>
      <c r="D479" s="45"/>
      <c r="E479" s="45"/>
      <c r="F479" s="45"/>
      <c r="G479" s="45"/>
      <c r="H479" s="45"/>
      <c r="I479" s="34"/>
      <c r="J479" s="45"/>
      <c r="K479" s="112"/>
      <c r="L479" s="45"/>
      <c r="M479" s="112"/>
      <c r="N479" s="45"/>
      <c r="O479" s="4"/>
      <c r="Q479" s="1"/>
      <c r="R479" s="77"/>
    </row>
    <row r="480" spans="1:18">
      <c r="A480" s="70">
        <f>MAX(A$12:A479)+1</f>
        <v>210</v>
      </c>
      <c r="B480" s="45"/>
      <c r="C480" s="120" t="s">
        <v>179</v>
      </c>
      <c r="D480" s="45"/>
      <c r="E480" s="57" t="s">
        <v>27</v>
      </c>
      <c r="F480" s="45"/>
      <c r="G480" s="31">
        <v>4.2000000000000003E-2</v>
      </c>
      <c r="H480" s="45"/>
      <c r="I480" s="31">
        <v>-1.7000000000000001E-3</v>
      </c>
      <c r="J480" s="31"/>
      <c r="K480" s="59">
        <v>0</v>
      </c>
      <c r="L480" s="31"/>
      <c r="M480" s="31">
        <f t="shared" ref="M480:M481" si="71">G480+I480+K480</f>
        <v>4.0300000000000002E-2</v>
      </c>
      <c r="N480" s="45"/>
      <c r="O480" s="4"/>
      <c r="Q480" s="1"/>
      <c r="R480" s="77"/>
    </row>
    <row r="481" spans="1:18">
      <c r="A481" s="70">
        <f>MAX(A$12:A480)+1</f>
        <v>211</v>
      </c>
      <c r="B481" s="45"/>
      <c r="C481" s="120" t="s">
        <v>180</v>
      </c>
      <c r="D481" s="45"/>
      <c r="E481" s="57" t="s">
        <v>27</v>
      </c>
      <c r="F481" s="45"/>
      <c r="G481" s="31">
        <v>6.9515000000000002</v>
      </c>
      <c r="H481" s="45"/>
      <c r="I481" s="31">
        <v>0.11700000000000044</v>
      </c>
      <c r="J481" s="31"/>
      <c r="K481" s="59">
        <v>0</v>
      </c>
      <c r="L481" s="31"/>
      <c r="M481" s="31">
        <f t="shared" si="71"/>
        <v>7.0685000000000002</v>
      </c>
      <c r="N481" s="45"/>
      <c r="O481" s="4"/>
      <c r="Q481" s="1"/>
      <c r="R481" s="77"/>
    </row>
    <row r="482" spans="1:18">
      <c r="A482" s="70"/>
      <c r="B482" s="45"/>
      <c r="C482" s="16"/>
      <c r="D482" s="16"/>
      <c r="E482" s="16"/>
      <c r="G482" s="16"/>
      <c r="I482" s="16"/>
      <c r="K482" s="16"/>
      <c r="M482" s="16"/>
      <c r="N482" s="45"/>
      <c r="O482" s="4"/>
      <c r="P482" s="4"/>
      <c r="Q482" s="6"/>
      <c r="R482" s="77"/>
    </row>
    <row r="483" spans="1:18">
      <c r="A483" s="70">
        <f>MAX(A$12:A482)+1</f>
        <v>212</v>
      </c>
      <c r="B483" s="45"/>
      <c r="C483" s="41" t="s">
        <v>181</v>
      </c>
      <c r="D483" s="45"/>
      <c r="E483" s="57" t="s">
        <v>182</v>
      </c>
      <c r="F483" s="45"/>
      <c r="G483" s="121">
        <v>3.0899999999999999E-3</v>
      </c>
      <c r="H483" s="45"/>
      <c r="I483" s="54">
        <v>5.4630999999999994E-4</v>
      </c>
      <c r="J483" s="45"/>
      <c r="K483" s="59">
        <v>0</v>
      </c>
      <c r="L483" s="45"/>
      <c r="M483" s="54">
        <f t="shared" ref="M483" si="72">G483+I483+K483</f>
        <v>3.6363099999999998E-3</v>
      </c>
      <c r="N483" s="45"/>
      <c r="O483" s="4"/>
      <c r="P483" s="4"/>
      <c r="Q483" s="6"/>
      <c r="R483" s="77"/>
    </row>
    <row r="484" spans="1:18">
      <c r="A484" s="70"/>
      <c r="B484" s="45"/>
      <c r="C484" s="16"/>
      <c r="D484" s="16"/>
      <c r="E484" s="16"/>
      <c r="G484" s="16"/>
      <c r="I484" s="16"/>
      <c r="K484" s="16"/>
      <c r="M484" s="16"/>
      <c r="N484" s="45"/>
      <c r="O484" s="4"/>
      <c r="P484" s="4"/>
      <c r="Q484" s="6"/>
      <c r="R484" s="77"/>
    </row>
    <row r="485" spans="1:18">
      <c r="A485" s="70"/>
      <c r="B485" s="45"/>
      <c r="C485" s="45" t="s">
        <v>183</v>
      </c>
      <c r="D485" s="45"/>
      <c r="E485" s="45"/>
      <c r="F485" s="45"/>
      <c r="G485" s="45"/>
      <c r="H485" s="45"/>
      <c r="I485" s="34"/>
      <c r="J485" s="45"/>
      <c r="K485" s="112"/>
      <c r="L485" s="45"/>
      <c r="M485" s="45"/>
      <c r="N485" s="45"/>
      <c r="O485" s="4"/>
      <c r="P485" s="4"/>
      <c r="Q485" s="6"/>
      <c r="R485" s="77"/>
    </row>
    <row r="486" spans="1:18">
      <c r="A486" s="70"/>
      <c r="B486" s="45"/>
      <c r="C486" s="107" t="s">
        <v>196</v>
      </c>
      <c r="D486" s="45"/>
      <c r="E486" s="45"/>
      <c r="F486" s="45"/>
      <c r="G486" s="45"/>
      <c r="H486" s="45"/>
      <c r="I486" s="34"/>
      <c r="J486" s="45"/>
      <c r="K486" s="112"/>
      <c r="L486" s="45"/>
      <c r="M486" s="45"/>
      <c r="N486" s="45"/>
      <c r="O486" s="4"/>
      <c r="P486" s="4"/>
      <c r="Q486" s="6"/>
      <c r="R486" s="77"/>
    </row>
    <row r="487" spans="1:18">
      <c r="A487" s="70">
        <f>MAX(A$12:A486)+1</f>
        <v>213</v>
      </c>
      <c r="B487" s="45"/>
      <c r="C487" s="120" t="s">
        <v>185</v>
      </c>
      <c r="D487" s="45"/>
      <c r="E487" s="24" t="s">
        <v>123</v>
      </c>
      <c r="F487" s="45"/>
      <c r="G487" s="50">
        <v>1.2E-2</v>
      </c>
      <c r="H487" s="50"/>
      <c r="I487" s="50">
        <v>2.9999999999999992E-4</v>
      </c>
      <c r="J487" s="50"/>
      <c r="K487" s="59">
        <v>0</v>
      </c>
      <c r="L487" s="50"/>
      <c r="M487" s="50">
        <f t="shared" ref="M487" si="73">G487+I487+K487</f>
        <v>1.23E-2</v>
      </c>
      <c r="N487" s="45"/>
      <c r="O487" s="4"/>
      <c r="P487" s="4"/>
      <c r="Q487" s="6"/>
      <c r="R487" s="77"/>
    </row>
    <row r="488" spans="1:18">
      <c r="A488" s="70"/>
      <c r="B488" s="45"/>
      <c r="C488" s="107" t="s">
        <v>186</v>
      </c>
      <c r="D488" s="45"/>
      <c r="E488" s="45"/>
      <c r="F488" s="45"/>
      <c r="G488" s="50"/>
      <c r="H488" s="50"/>
      <c r="I488" s="50"/>
      <c r="J488" s="50"/>
      <c r="K488" s="50"/>
      <c r="L488" s="50"/>
      <c r="M488" s="50"/>
      <c r="N488" s="45"/>
      <c r="O488" s="4"/>
      <c r="P488" s="4"/>
      <c r="Q488" s="6"/>
      <c r="R488" s="77"/>
    </row>
    <row r="489" spans="1:18">
      <c r="A489" s="70">
        <f>MAX(A$12:A488)+1</f>
        <v>214</v>
      </c>
      <c r="B489" s="45"/>
      <c r="C489" s="120" t="s">
        <v>187</v>
      </c>
      <c r="D489" s="45"/>
      <c r="E489" s="24" t="s">
        <v>123</v>
      </c>
      <c r="F489" s="45"/>
      <c r="G489" s="50">
        <v>1.716</v>
      </c>
      <c r="H489" s="50"/>
      <c r="I489" s="50">
        <v>4.8000000000000043E-2</v>
      </c>
      <c r="J489" s="50"/>
      <c r="K489" s="87">
        <v>6.0000000000000001E-3</v>
      </c>
      <c r="L489" s="50"/>
      <c r="M489" s="50">
        <f t="shared" ref="M489:M492" si="74">G489+I489+K489</f>
        <v>1.77</v>
      </c>
      <c r="N489" s="45"/>
      <c r="O489" s="4"/>
      <c r="P489" s="4"/>
      <c r="Q489" s="6"/>
      <c r="R489" s="77"/>
    </row>
    <row r="490" spans="1:18">
      <c r="A490" s="70">
        <f>MAX(A$12:A489)+1</f>
        <v>215</v>
      </c>
      <c r="B490" s="45"/>
      <c r="C490" s="120" t="s">
        <v>188</v>
      </c>
      <c r="D490" s="45"/>
      <c r="E490" s="24" t="s">
        <v>123</v>
      </c>
      <c r="F490" s="45"/>
      <c r="G490" s="50">
        <v>1.4730000000000001</v>
      </c>
      <c r="H490" s="50"/>
      <c r="I490" s="50">
        <v>4.5099999999999918E-2</v>
      </c>
      <c r="J490" s="50"/>
      <c r="K490" s="59">
        <v>0</v>
      </c>
      <c r="L490" s="50"/>
      <c r="M490" s="50">
        <f t="shared" si="74"/>
        <v>1.5181</v>
      </c>
      <c r="N490" s="45"/>
      <c r="O490" s="4"/>
      <c r="P490" s="4"/>
      <c r="Q490" s="6"/>
      <c r="R490" s="77"/>
    </row>
    <row r="491" spans="1:18">
      <c r="A491" s="70">
        <f>MAX(A$12:A490)+1</f>
        <v>216</v>
      </c>
      <c r="B491" s="45"/>
      <c r="C491" s="120" t="s">
        <v>189</v>
      </c>
      <c r="D491" s="45"/>
      <c r="E491" s="24" t="s">
        <v>123</v>
      </c>
      <c r="F491" s="45"/>
      <c r="G491" s="50">
        <v>1.4730000000000001</v>
      </c>
      <c r="H491" s="50"/>
      <c r="I491" s="50">
        <v>4.5099999999999918E-2</v>
      </c>
      <c r="J491" s="50"/>
      <c r="K491" s="59">
        <v>0</v>
      </c>
      <c r="L491" s="50"/>
      <c r="M491" s="50">
        <f t="shared" si="74"/>
        <v>1.5181</v>
      </c>
      <c r="N491" s="45"/>
      <c r="O491" s="4"/>
      <c r="P491" s="4"/>
      <c r="Q491" s="6"/>
      <c r="R491" s="77"/>
    </row>
    <row r="492" spans="1:18">
      <c r="A492" s="70">
        <f>MAX(A$12:A491)+1</f>
        <v>217</v>
      </c>
      <c r="B492" s="45"/>
      <c r="C492" s="120" t="s">
        <v>190</v>
      </c>
      <c r="D492" s="45"/>
      <c r="E492" s="24" t="s">
        <v>123</v>
      </c>
      <c r="F492" s="45"/>
      <c r="G492" s="50">
        <v>1.4730000000000001</v>
      </c>
      <c r="H492" s="50"/>
      <c r="I492" s="50">
        <v>4.5099999999999918E-2</v>
      </c>
      <c r="J492" s="50"/>
      <c r="K492" s="59">
        <v>0</v>
      </c>
      <c r="L492" s="50"/>
      <c r="M492" s="50">
        <f t="shared" si="74"/>
        <v>1.5181</v>
      </c>
      <c r="N492" s="45"/>
      <c r="O492" s="4"/>
      <c r="P492" s="4"/>
      <c r="Q492" s="6"/>
      <c r="R492" s="77"/>
    </row>
    <row r="493" spans="1:18">
      <c r="A493" s="70"/>
      <c r="B493" s="45"/>
      <c r="C493" s="107" t="s">
        <v>124</v>
      </c>
      <c r="D493" s="45"/>
      <c r="E493" s="45"/>
      <c r="F493" s="45"/>
      <c r="G493" s="112"/>
      <c r="H493" s="45"/>
      <c r="I493" s="34"/>
      <c r="J493" s="45"/>
      <c r="K493" s="112"/>
      <c r="L493" s="45"/>
      <c r="M493" s="45"/>
      <c r="N493" s="45"/>
      <c r="O493" s="4"/>
      <c r="P493" s="4"/>
      <c r="Q493" s="6"/>
      <c r="R493" s="77"/>
    </row>
    <row r="494" spans="1:18">
      <c r="A494" s="70">
        <f>MAX(A$12:A493)+1</f>
        <v>218</v>
      </c>
      <c r="B494" s="45"/>
      <c r="C494" s="120" t="s">
        <v>191</v>
      </c>
      <c r="D494" s="45"/>
      <c r="E494" s="24" t="s">
        <v>125</v>
      </c>
      <c r="F494" s="45"/>
      <c r="G494" s="50">
        <v>1.2E-2</v>
      </c>
      <c r="H494" s="50"/>
      <c r="I494" s="60">
        <v>2.9999999999999992E-4</v>
      </c>
      <c r="J494" s="50"/>
      <c r="K494" s="59">
        <v>0</v>
      </c>
      <c r="L494" s="50"/>
      <c r="M494" s="50">
        <f t="shared" ref="M494:M496" si="75">G494+I494+K494</f>
        <v>1.23E-2</v>
      </c>
      <c r="N494" s="45"/>
      <c r="O494" s="4"/>
      <c r="P494" s="4"/>
      <c r="Q494" s="6"/>
      <c r="R494" s="77"/>
    </row>
    <row r="495" spans="1:18">
      <c r="A495" s="70"/>
      <c r="B495" s="45"/>
      <c r="C495" s="120"/>
      <c r="D495" s="45"/>
      <c r="E495" s="24"/>
      <c r="F495" s="45"/>
      <c r="G495" s="50"/>
      <c r="H495" s="50"/>
      <c r="I495" s="50"/>
      <c r="J495" s="50"/>
      <c r="K495" s="87"/>
      <c r="L495" s="50"/>
      <c r="M495" s="50"/>
      <c r="N495" s="45"/>
      <c r="O495" s="4"/>
      <c r="P495" s="4"/>
      <c r="Q495" s="6"/>
      <c r="R495" s="77"/>
    </row>
    <row r="496" spans="1:18">
      <c r="A496" s="70">
        <f>MAX(A$12:A495)+1</f>
        <v>219</v>
      </c>
      <c r="B496" s="45"/>
      <c r="C496" s="107" t="s">
        <v>192</v>
      </c>
      <c r="D496" s="45"/>
      <c r="E496" s="57" t="s">
        <v>182</v>
      </c>
      <c r="F496" s="45"/>
      <c r="G496" s="121">
        <v>4.45E-3</v>
      </c>
      <c r="H496" s="45"/>
      <c r="I496" s="121">
        <v>5.1148999999999986E-4</v>
      </c>
      <c r="J496" s="45"/>
      <c r="K496" s="59">
        <v>0</v>
      </c>
      <c r="L496" s="45"/>
      <c r="M496" s="121">
        <f t="shared" si="75"/>
        <v>4.9614899999999998E-3</v>
      </c>
      <c r="N496" s="45"/>
      <c r="O496" s="4"/>
      <c r="P496" s="4"/>
      <c r="Q496" s="6"/>
      <c r="R496" s="77"/>
    </row>
    <row r="497" spans="1:18">
      <c r="A497" s="70"/>
      <c r="B497" s="14"/>
      <c r="C497" s="16"/>
      <c r="D497" s="16"/>
      <c r="E497" s="75"/>
      <c r="F497" s="17"/>
      <c r="G497" s="70"/>
      <c r="H497" s="70"/>
      <c r="I497" s="76"/>
      <c r="K497" s="23"/>
      <c r="L497" s="24"/>
      <c r="M497" s="23"/>
      <c r="N497" s="45"/>
      <c r="O497" s="4"/>
      <c r="P497" s="4"/>
      <c r="Q497" s="6"/>
      <c r="R497" s="77"/>
    </row>
    <row r="498" spans="1:18">
      <c r="A498" s="70"/>
      <c r="B498" s="45"/>
      <c r="C498" s="105" t="s">
        <v>197</v>
      </c>
      <c r="D498" s="45"/>
      <c r="E498" s="45"/>
      <c r="F498" s="45"/>
      <c r="G498" s="45"/>
      <c r="H498" s="45"/>
      <c r="I498" s="34"/>
      <c r="J498" s="45"/>
      <c r="K498" s="112"/>
      <c r="L498" s="45"/>
      <c r="M498" s="45"/>
      <c r="N498" s="45"/>
      <c r="O498" s="4"/>
      <c r="P498" s="4"/>
      <c r="Q498" s="6"/>
      <c r="R498" s="77"/>
    </row>
    <row r="499" spans="1:18">
      <c r="A499" s="70">
        <f>MAX(A$12:A498)+1</f>
        <v>220</v>
      </c>
      <c r="B499" s="45"/>
      <c r="C499" s="45" t="s">
        <v>173</v>
      </c>
      <c r="D499" s="45"/>
      <c r="E499" s="24" t="s">
        <v>24</v>
      </c>
      <c r="F499" s="45"/>
      <c r="G499" s="27">
        <v>22703.73</v>
      </c>
      <c r="H499" s="45"/>
      <c r="I499" s="27">
        <v>612.21210000000065</v>
      </c>
      <c r="J499" s="45"/>
      <c r="K499" s="59">
        <v>0</v>
      </c>
      <c r="L499" s="45"/>
      <c r="M499" s="27">
        <f>G499+I499+K499</f>
        <v>23315.9421</v>
      </c>
      <c r="N499" s="45"/>
      <c r="O499" s="4"/>
      <c r="Q499" s="1"/>
      <c r="R499" s="77"/>
    </row>
    <row r="500" spans="1:18">
      <c r="A500" s="70"/>
      <c r="B500" s="45"/>
      <c r="C500" s="45" t="s">
        <v>174</v>
      </c>
      <c r="D500" s="45"/>
      <c r="E500" s="45"/>
      <c r="F500" s="45"/>
      <c r="G500" s="112"/>
      <c r="H500" s="45"/>
      <c r="I500" s="34"/>
      <c r="J500" s="45"/>
      <c r="K500" s="112"/>
      <c r="L500" s="45"/>
      <c r="M500" s="45"/>
      <c r="N500" s="45"/>
      <c r="O500" s="4"/>
      <c r="Q500" s="1"/>
      <c r="R500" s="77"/>
    </row>
    <row r="501" spans="1:18">
      <c r="A501" s="70">
        <f>MAX(A$12:A500)+1</f>
        <v>221</v>
      </c>
      <c r="B501" s="45"/>
      <c r="C501" s="107" t="s">
        <v>175</v>
      </c>
      <c r="D501" s="45"/>
      <c r="E501" s="57" t="s">
        <v>44</v>
      </c>
      <c r="F501" s="45"/>
      <c r="G501" s="31">
        <v>20.7133</v>
      </c>
      <c r="H501" s="31"/>
      <c r="I501" s="31">
        <v>0.56700000000000017</v>
      </c>
      <c r="J501" s="31"/>
      <c r="K501" s="59">
        <v>0</v>
      </c>
      <c r="L501" s="31"/>
      <c r="M501" s="31">
        <f t="shared" ref="M501:M504" si="76">G501+I501+K501</f>
        <v>21.2803</v>
      </c>
      <c r="N501" s="45"/>
      <c r="O501" s="4"/>
      <c r="Q501" s="1"/>
      <c r="R501" s="77"/>
    </row>
    <row r="502" spans="1:18">
      <c r="A502" s="70">
        <f>MAX(A$12:A501)+1</f>
        <v>222</v>
      </c>
      <c r="B502" s="45"/>
      <c r="C502" s="107" t="s">
        <v>178</v>
      </c>
      <c r="D502" s="45"/>
      <c r="E502" s="57" t="s">
        <v>27</v>
      </c>
      <c r="F502" s="45"/>
      <c r="G502" s="31">
        <v>0.11929999999999999</v>
      </c>
      <c r="H502" s="31"/>
      <c r="I502" s="31">
        <v>-2.0000000000000018E-3</v>
      </c>
      <c r="J502" s="31"/>
      <c r="K502" s="59">
        <v>0</v>
      </c>
      <c r="L502" s="31"/>
      <c r="M502" s="31">
        <f t="shared" si="76"/>
        <v>0.11729999999999999</v>
      </c>
      <c r="N502" s="45"/>
      <c r="O502" s="4"/>
      <c r="Q502" s="1"/>
      <c r="R502" s="77"/>
    </row>
    <row r="503" spans="1:18">
      <c r="A503" s="70"/>
      <c r="B503" s="45"/>
      <c r="C503" s="16"/>
      <c r="E503" s="16"/>
      <c r="G503" s="16"/>
      <c r="I503" s="16"/>
      <c r="K503" s="16"/>
      <c r="M503" s="16"/>
      <c r="N503" s="45"/>
      <c r="O503" s="4"/>
      <c r="Q503" s="1"/>
      <c r="R503" s="77"/>
    </row>
    <row r="504" spans="1:18">
      <c r="A504" s="70">
        <f>MAX(A$12:A503)+1</f>
        <v>223</v>
      </c>
      <c r="B504" s="45"/>
      <c r="C504" s="41" t="s">
        <v>181</v>
      </c>
      <c r="D504" s="45"/>
      <c r="E504" s="57" t="s">
        <v>182</v>
      </c>
      <c r="F504" s="45"/>
      <c r="G504" s="121">
        <v>4.1900000000000001E-3</v>
      </c>
      <c r="H504" s="45"/>
      <c r="I504" s="54">
        <v>6.2005999999999954E-4</v>
      </c>
      <c r="J504" s="45"/>
      <c r="K504" s="59">
        <v>0</v>
      </c>
      <c r="L504" s="45"/>
      <c r="M504" s="54">
        <f t="shared" si="76"/>
        <v>4.8100599999999997E-3</v>
      </c>
      <c r="N504" s="45"/>
      <c r="O504" s="4"/>
      <c r="Q504" s="1"/>
      <c r="R504" s="77"/>
    </row>
    <row r="505" spans="1:18">
      <c r="A505" s="70"/>
      <c r="B505" s="45"/>
      <c r="C505" s="16"/>
      <c r="E505" s="16"/>
      <c r="G505" s="16"/>
      <c r="I505" s="16"/>
      <c r="K505" s="16"/>
      <c r="M505" s="16"/>
      <c r="N505" s="45"/>
      <c r="O505" s="4"/>
      <c r="Q505" s="1"/>
      <c r="R505" s="77"/>
    </row>
    <row r="506" spans="1:18">
      <c r="A506" s="70">
        <f>MAX(A$12:A505)+1</f>
        <v>224</v>
      </c>
      <c r="B506" s="45"/>
      <c r="C506" s="45" t="s">
        <v>183</v>
      </c>
      <c r="D506" s="45"/>
      <c r="E506" s="45"/>
      <c r="F506" s="45"/>
      <c r="G506" s="45"/>
      <c r="H506" s="45"/>
      <c r="I506" s="34"/>
      <c r="J506" s="45"/>
      <c r="K506" s="112"/>
      <c r="L506" s="45"/>
      <c r="M506" s="45"/>
      <c r="N506" s="45"/>
      <c r="O506" s="4"/>
      <c r="Q506" s="1"/>
      <c r="R506" s="77"/>
    </row>
    <row r="507" spans="1:18">
      <c r="A507" s="70"/>
      <c r="B507" s="45"/>
      <c r="C507" s="107" t="s">
        <v>196</v>
      </c>
      <c r="D507" s="45"/>
      <c r="E507" s="45"/>
      <c r="F507" s="45"/>
      <c r="G507" s="45"/>
      <c r="H507" s="45"/>
      <c r="I507" s="34"/>
      <c r="J507" s="45"/>
      <c r="K507" s="112"/>
      <c r="L507" s="45"/>
      <c r="M507" s="45"/>
      <c r="N507" s="45"/>
      <c r="O507" s="4"/>
      <c r="Q507" s="1"/>
      <c r="R507" s="77"/>
    </row>
    <row r="508" spans="1:18">
      <c r="A508" s="70">
        <f>MAX(A$12:A507)+1</f>
        <v>225</v>
      </c>
      <c r="B508" s="45"/>
      <c r="C508" s="120" t="s">
        <v>185</v>
      </c>
      <c r="D508" s="45"/>
      <c r="E508" s="24" t="s">
        <v>123</v>
      </c>
      <c r="F508" s="45"/>
      <c r="G508" s="114">
        <v>1.2E-2</v>
      </c>
      <c r="H508" s="114"/>
      <c r="I508" s="60">
        <v>2.9999999999999992E-4</v>
      </c>
      <c r="J508" s="114"/>
      <c r="K508" s="59">
        <v>0</v>
      </c>
      <c r="L508" s="114"/>
      <c r="M508" s="50">
        <f t="shared" ref="M508" si="77">G508+I508+K508</f>
        <v>1.23E-2</v>
      </c>
      <c r="N508" s="45"/>
      <c r="O508" s="4"/>
      <c r="Q508" s="1"/>
      <c r="R508" s="77"/>
    </row>
    <row r="509" spans="1:18">
      <c r="A509" s="70"/>
      <c r="B509" s="45"/>
      <c r="C509" s="107" t="s">
        <v>186</v>
      </c>
      <c r="D509" s="45"/>
      <c r="E509" s="45"/>
      <c r="F509" s="45"/>
      <c r="G509" s="114"/>
      <c r="H509" s="114"/>
      <c r="I509" s="62"/>
      <c r="J509" s="114"/>
      <c r="K509" s="114"/>
      <c r="L509" s="114"/>
      <c r="M509" s="114"/>
      <c r="N509" s="45"/>
      <c r="O509" s="4"/>
      <c r="Q509" s="1"/>
      <c r="R509" s="77"/>
    </row>
    <row r="510" spans="1:18">
      <c r="A510" s="70">
        <f>MAX(A$12:A509)+1</f>
        <v>226</v>
      </c>
      <c r="B510" s="45"/>
      <c r="C510" s="120" t="s">
        <v>187</v>
      </c>
      <c r="D510" s="45"/>
      <c r="E510" s="24" t="s">
        <v>123</v>
      </c>
      <c r="F510" s="45"/>
      <c r="G510" s="114">
        <v>1.716</v>
      </c>
      <c r="H510" s="114"/>
      <c r="I510" s="50">
        <v>4.8000000000000043E-2</v>
      </c>
      <c r="J510" s="114"/>
      <c r="K510" s="59">
        <v>0</v>
      </c>
      <c r="L510" s="114"/>
      <c r="M510" s="50">
        <f t="shared" ref="M510:M513" si="78">G510+I510+K510</f>
        <v>1.764</v>
      </c>
      <c r="N510" s="45"/>
      <c r="O510" s="4"/>
      <c r="P510" s="4"/>
      <c r="Q510" s="6"/>
      <c r="R510" s="77"/>
    </row>
    <row r="511" spans="1:18">
      <c r="A511" s="70">
        <f>MAX(A$12:A510)+1</f>
        <v>227</v>
      </c>
      <c r="B511" s="45"/>
      <c r="C511" s="120" t="s">
        <v>188</v>
      </c>
      <c r="D511" s="45"/>
      <c r="E511" s="24" t="s">
        <v>123</v>
      </c>
      <c r="F511" s="45"/>
      <c r="G511" s="114">
        <v>1.4730000000000001</v>
      </c>
      <c r="H511" s="114"/>
      <c r="I511" s="50">
        <v>4.5099999999999918E-2</v>
      </c>
      <c r="J511" s="114"/>
      <c r="K511" s="59">
        <v>0</v>
      </c>
      <c r="L511" s="114"/>
      <c r="M511" s="50">
        <f t="shared" si="78"/>
        <v>1.5181</v>
      </c>
      <c r="N511" s="45"/>
      <c r="O511" s="4"/>
      <c r="P511" s="4"/>
      <c r="Q511" s="6"/>
      <c r="R511" s="77"/>
    </row>
    <row r="512" spans="1:18">
      <c r="A512" s="70">
        <f>MAX(A$12:A511)+1</f>
        <v>228</v>
      </c>
      <c r="B512" s="45"/>
      <c r="C512" s="120" t="s">
        <v>189</v>
      </c>
      <c r="D512" s="45"/>
      <c r="E512" s="24" t="s">
        <v>123</v>
      </c>
      <c r="F512" s="45"/>
      <c r="G512" s="114">
        <v>1.4730000000000001</v>
      </c>
      <c r="H512" s="114"/>
      <c r="I512" s="50">
        <v>4.5099999999999918E-2</v>
      </c>
      <c r="J512" s="114"/>
      <c r="K512" s="59">
        <v>0</v>
      </c>
      <c r="L512" s="114"/>
      <c r="M512" s="50">
        <f t="shared" si="78"/>
        <v>1.5181</v>
      </c>
      <c r="N512" s="45"/>
      <c r="O512" s="4"/>
      <c r="P512" s="4"/>
      <c r="Q512" s="6"/>
      <c r="R512" s="77"/>
    </row>
    <row r="513" spans="1:31">
      <c r="A513" s="70">
        <f>MAX(A$12:A512)+1</f>
        <v>229</v>
      </c>
      <c r="B513" s="45"/>
      <c r="C513" s="120" t="s">
        <v>190</v>
      </c>
      <c r="D513" s="45"/>
      <c r="E513" s="24" t="s">
        <v>123</v>
      </c>
      <c r="F513" s="45"/>
      <c r="G513" s="114">
        <v>1.4730000000000001</v>
      </c>
      <c r="H513" s="114"/>
      <c r="I513" s="50">
        <v>4.5099999999999918E-2</v>
      </c>
      <c r="J513" s="114"/>
      <c r="K513" s="59">
        <v>0</v>
      </c>
      <c r="L513" s="114"/>
      <c r="M513" s="50">
        <f t="shared" si="78"/>
        <v>1.5181</v>
      </c>
      <c r="N513" s="45"/>
      <c r="O513" s="4"/>
      <c r="P513" s="4"/>
      <c r="Q513" s="6"/>
      <c r="R513" s="77"/>
    </row>
    <row r="514" spans="1:31">
      <c r="A514" s="70"/>
      <c r="B514" s="45"/>
      <c r="C514" s="107" t="s">
        <v>198</v>
      </c>
      <c r="D514" s="45"/>
      <c r="E514" s="45"/>
      <c r="F514" s="45"/>
      <c r="G514" s="112"/>
      <c r="H514" s="45"/>
      <c r="I514" s="34"/>
      <c r="J514" s="45"/>
      <c r="K514" s="112"/>
      <c r="L514" s="45"/>
      <c r="M514" s="45"/>
      <c r="N514" s="45"/>
      <c r="O514" s="7"/>
      <c r="P514" s="4"/>
      <c r="Q514" s="6"/>
      <c r="R514" s="77"/>
    </row>
    <row r="515" spans="1:31">
      <c r="A515" s="70">
        <f>MAX(A$12:A514)+1</f>
        <v>230</v>
      </c>
      <c r="B515" s="45"/>
      <c r="C515" s="120" t="s">
        <v>191</v>
      </c>
      <c r="D515" s="45"/>
      <c r="E515" s="23" t="s">
        <v>125</v>
      </c>
      <c r="F515" s="45"/>
      <c r="G515" s="114">
        <v>1.2E-2</v>
      </c>
      <c r="H515" s="114"/>
      <c r="I515" s="60">
        <v>2.9999999999999992E-4</v>
      </c>
      <c r="J515" s="114"/>
      <c r="K515" s="59">
        <v>0</v>
      </c>
      <c r="L515" s="114"/>
      <c r="M515" s="62">
        <f t="shared" ref="M515:M517" si="79">G515+I515+K515</f>
        <v>1.23E-2</v>
      </c>
      <c r="N515" s="45"/>
      <c r="O515" s="4"/>
      <c r="P515" s="4"/>
      <c r="Q515" s="6"/>
      <c r="R515" s="77"/>
    </row>
    <row r="516" spans="1:31">
      <c r="A516" s="70"/>
      <c r="B516" s="45"/>
      <c r="C516" s="120"/>
      <c r="D516" s="45"/>
      <c r="E516" s="57"/>
      <c r="F516" s="45"/>
      <c r="G516" s="112"/>
      <c r="H516" s="45"/>
      <c r="I516" s="34"/>
      <c r="J516" s="45"/>
      <c r="K516" s="59"/>
      <c r="L516" s="45"/>
      <c r="M516" s="34"/>
      <c r="N516" s="45"/>
      <c r="O516" s="4"/>
      <c r="P516" s="4"/>
      <c r="Q516" s="6"/>
      <c r="R516" s="77"/>
    </row>
    <row r="517" spans="1:31">
      <c r="A517" s="70">
        <f>MAX(A$12:A516)+1</f>
        <v>231</v>
      </c>
      <c r="B517" s="45"/>
      <c r="C517" s="107" t="s">
        <v>192</v>
      </c>
      <c r="D517" s="45"/>
      <c r="E517" s="57" t="s">
        <v>182</v>
      </c>
      <c r="F517" s="45"/>
      <c r="G517" s="121">
        <v>4.45E-3</v>
      </c>
      <c r="H517" s="45"/>
      <c r="I517" s="121">
        <v>5.1148999999999986E-4</v>
      </c>
      <c r="J517" s="45"/>
      <c r="K517" s="59">
        <v>0</v>
      </c>
      <c r="L517" s="45"/>
      <c r="M517" s="121">
        <f t="shared" si="79"/>
        <v>4.9614899999999998E-3</v>
      </c>
      <c r="N517" s="45"/>
      <c r="O517" s="6"/>
      <c r="P517" s="6"/>
      <c r="Q517" s="6"/>
      <c r="R517" s="77"/>
    </row>
    <row r="518" spans="1:31">
      <c r="A518" s="70"/>
      <c r="B518" s="45"/>
      <c r="C518" s="45"/>
      <c r="D518" s="45"/>
      <c r="E518" s="45"/>
      <c r="F518" s="45"/>
      <c r="G518" s="45"/>
      <c r="H518" s="45"/>
      <c r="I518" s="45"/>
      <c r="J518" s="45"/>
      <c r="K518" s="112"/>
      <c r="L518" s="45"/>
      <c r="M518" s="45"/>
      <c r="N518" s="45"/>
      <c r="O518" s="6"/>
      <c r="P518" s="6"/>
      <c r="Q518" s="6"/>
      <c r="R518" s="77"/>
    </row>
    <row r="519" spans="1:31">
      <c r="A519" s="70"/>
      <c r="B519" s="45"/>
      <c r="C519" s="16"/>
      <c r="D519" s="45"/>
      <c r="E519" s="45"/>
      <c r="F519" s="45"/>
      <c r="G519" s="45"/>
      <c r="H519" s="45"/>
      <c r="I519" s="45"/>
      <c r="J519" s="45"/>
      <c r="K519" s="112"/>
      <c r="L519" s="45"/>
      <c r="M519" s="45"/>
      <c r="N519" s="45"/>
      <c r="O519" s="6"/>
      <c r="P519" s="6"/>
      <c r="Q519" s="6"/>
      <c r="R519" s="77"/>
    </row>
    <row r="520" spans="1:31">
      <c r="A520" s="70"/>
      <c r="B520" s="45"/>
      <c r="C520" s="16"/>
      <c r="D520" s="45"/>
      <c r="E520" s="45"/>
      <c r="F520" s="45"/>
      <c r="G520" s="45"/>
      <c r="H520" s="45"/>
      <c r="I520" s="45"/>
      <c r="J520" s="45"/>
      <c r="K520" s="112"/>
      <c r="L520" s="45"/>
      <c r="M520" s="45"/>
      <c r="N520" s="45"/>
      <c r="O520" s="6"/>
      <c r="P520" s="6"/>
      <c r="Q520" s="6"/>
      <c r="R520" s="77"/>
    </row>
    <row r="521" spans="1:31" ht="13.35" customHeight="1">
      <c r="A521" s="70"/>
      <c r="B521" s="45"/>
      <c r="C521" s="16"/>
      <c r="D521" s="45"/>
      <c r="E521" s="45"/>
      <c r="F521" s="45"/>
      <c r="G521" s="123"/>
      <c r="H521" s="45"/>
      <c r="I521" s="123"/>
      <c r="J521" s="45"/>
      <c r="K521" s="117"/>
      <c r="L521" s="45"/>
      <c r="M521" s="123"/>
      <c r="N521" s="45"/>
      <c r="O521" s="6"/>
      <c r="P521" s="6"/>
      <c r="Q521" s="6"/>
      <c r="R521" s="77"/>
    </row>
    <row r="522" spans="1:31">
      <c r="A522" s="70"/>
      <c r="B522" s="45"/>
      <c r="C522" s="16"/>
      <c r="D522" s="45"/>
      <c r="E522" s="45"/>
      <c r="F522" s="45"/>
      <c r="G522" s="45"/>
      <c r="H522" s="45"/>
      <c r="I522" s="45"/>
      <c r="J522" s="45"/>
      <c r="K522" s="112"/>
      <c r="L522" s="45"/>
      <c r="M522" s="45"/>
      <c r="N522" s="45"/>
      <c r="O522" s="6"/>
      <c r="P522" s="6"/>
      <c r="Q522" s="6"/>
      <c r="R522" s="77"/>
    </row>
    <row r="523" spans="1:31" ht="12.6" customHeight="1">
      <c r="A523" s="134"/>
      <c r="B523" s="134"/>
      <c r="C523" s="134"/>
      <c r="D523" s="134"/>
      <c r="E523" s="134"/>
      <c r="F523" s="134"/>
      <c r="G523" s="134"/>
      <c r="H523" s="134"/>
      <c r="I523" s="134"/>
      <c r="J523" s="134"/>
      <c r="K523" s="134"/>
      <c r="L523" s="134"/>
      <c r="M523" s="134"/>
      <c r="N523" s="45"/>
      <c r="O523" s="6"/>
      <c r="P523" s="6"/>
      <c r="Q523" s="6"/>
      <c r="R523" s="77"/>
    </row>
    <row r="524" spans="1:31" ht="12.75" customHeight="1">
      <c r="A524" s="134" t="s">
        <v>52</v>
      </c>
      <c r="B524" s="134"/>
      <c r="C524" s="134"/>
      <c r="D524" s="134"/>
      <c r="E524" s="134"/>
      <c r="F524" s="134"/>
      <c r="G524" s="134"/>
      <c r="H524" s="134"/>
      <c r="I524" s="134"/>
      <c r="J524" s="134"/>
      <c r="K524" s="134"/>
      <c r="L524" s="134"/>
      <c r="M524" s="134"/>
      <c r="P524" s="5"/>
      <c r="R524" s="77"/>
      <c r="S524" s="77"/>
      <c r="Z524" s="72"/>
      <c r="AA524" s="72"/>
      <c r="AB524" s="72"/>
      <c r="AC524" s="72"/>
      <c r="AD524" s="72"/>
      <c r="AE524" s="72"/>
    </row>
    <row r="525" spans="1:31">
      <c r="A525" s="134" t="s">
        <v>199</v>
      </c>
      <c r="B525" s="134"/>
      <c r="C525" s="134"/>
      <c r="D525" s="134"/>
      <c r="E525" s="134"/>
      <c r="F525" s="134"/>
      <c r="G525" s="134"/>
      <c r="H525" s="134"/>
      <c r="I525" s="134"/>
      <c r="J525" s="134"/>
      <c r="K525" s="134"/>
      <c r="L525" s="134"/>
      <c r="M525" s="134"/>
      <c r="N525" s="45"/>
      <c r="O525" s="6"/>
      <c r="P525" s="6"/>
      <c r="Q525" s="6"/>
      <c r="R525" s="77"/>
    </row>
    <row r="526" spans="1:31">
      <c r="A526" s="100"/>
      <c r="B526" s="100"/>
      <c r="C526" s="100"/>
      <c r="D526" s="100"/>
      <c r="E526" s="100"/>
      <c r="F526" s="100"/>
      <c r="G526" s="100"/>
      <c r="H526" s="100"/>
      <c r="I526" s="100"/>
      <c r="J526" s="100"/>
      <c r="K526" s="100"/>
      <c r="L526" s="100"/>
      <c r="M526" s="100"/>
      <c r="N526" s="45"/>
      <c r="O526" s="6"/>
      <c r="P526" s="6"/>
      <c r="Q526" s="6"/>
      <c r="R526" s="77"/>
    </row>
    <row r="527" spans="1:31">
      <c r="A527" s="70"/>
      <c r="B527" s="45"/>
      <c r="C527" s="16"/>
      <c r="D527" s="45"/>
      <c r="E527" s="16"/>
      <c r="F527" s="17"/>
      <c r="G527" s="24" t="s">
        <v>2</v>
      </c>
      <c r="H527" s="11"/>
      <c r="I527" s="11"/>
      <c r="J527" s="11"/>
      <c r="K527" s="102"/>
      <c r="L527" s="12"/>
      <c r="M527" s="102" t="s">
        <v>3</v>
      </c>
      <c r="N527" s="45"/>
      <c r="O527" s="6"/>
      <c r="P527" s="6"/>
      <c r="Q527" s="6"/>
      <c r="R527" s="77"/>
    </row>
    <row r="528" spans="1:31">
      <c r="A528" s="70"/>
      <c r="B528" s="14"/>
      <c r="C528" s="16"/>
      <c r="D528" s="16"/>
      <c r="E528" s="16"/>
      <c r="F528" s="74"/>
      <c r="G528" s="24" t="s">
        <v>4</v>
      </c>
      <c r="H528" s="79"/>
      <c r="I528" s="76" t="s">
        <v>5</v>
      </c>
      <c r="J528" s="13"/>
      <c r="K528" s="102" t="s">
        <v>6</v>
      </c>
      <c r="L528" s="12"/>
      <c r="M528" s="24" t="s">
        <v>4</v>
      </c>
      <c r="N528" s="18"/>
      <c r="Q528" s="6"/>
      <c r="R528" s="77"/>
    </row>
    <row r="529" spans="1:18">
      <c r="A529" s="70" t="s">
        <v>7</v>
      </c>
      <c r="B529" s="14"/>
      <c r="C529" s="16"/>
      <c r="D529" s="16"/>
      <c r="E529" s="17"/>
      <c r="F529" s="14"/>
      <c r="G529" s="76" t="s">
        <v>6</v>
      </c>
      <c r="H529" s="18"/>
      <c r="I529" s="80" t="s">
        <v>8</v>
      </c>
      <c r="K529" s="102" t="s">
        <v>9</v>
      </c>
      <c r="L529" s="12"/>
      <c r="M529" s="103" t="s">
        <v>10</v>
      </c>
      <c r="N529" s="18"/>
      <c r="Q529" s="6"/>
      <c r="R529" s="77"/>
    </row>
    <row r="530" spans="1:18">
      <c r="A530" s="69" t="s">
        <v>11</v>
      </c>
      <c r="B530" s="17"/>
      <c r="C530" s="20" t="s">
        <v>12</v>
      </c>
      <c r="D530" s="16"/>
      <c r="E530" s="21" t="s">
        <v>13</v>
      </c>
      <c r="F530" s="17"/>
      <c r="G530" s="22" t="s">
        <v>14</v>
      </c>
      <c r="H530" s="70"/>
      <c r="I530" s="88" t="s">
        <v>15</v>
      </c>
      <c r="K530" s="22" t="s">
        <v>16</v>
      </c>
      <c r="L530" s="12"/>
      <c r="M530" s="104" t="s">
        <v>17</v>
      </c>
      <c r="N530" s="24"/>
      <c r="Q530" s="6"/>
      <c r="R530" s="77"/>
    </row>
    <row r="531" spans="1:18">
      <c r="A531" s="70"/>
      <c r="B531" s="14"/>
      <c r="C531" s="16"/>
      <c r="D531" s="16"/>
      <c r="E531" s="75"/>
      <c r="F531" s="17"/>
      <c r="G531" s="70" t="s">
        <v>18</v>
      </c>
      <c r="H531" s="70"/>
      <c r="I531" s="76" t="s">
        <v>19</v>
      </c>
      <c r="K531" s="23" t="s">
        <v>20</v>
      </c>
      <c r="L531" s="24"/>
      <c r="M531" s="23" t="s">
        <v>21</v>
      </c>
      <c r="N531" s="23"/>
      <c r="Q531" s="6"/>
      <c r="R531" s="77"/>
    </row>
    <row r="532" spans="1:18">
      <c r="A532" s="70"/>
      <c r="B532" s="45"/>
      <c r="C532" s="16"/>
      <c r="D532" s="45"/>
      <c r="E532" s="45"/>
      <c r="F532" s="45"/>
      <c r="G532" s="45"/>
      <c r="H532" s="110"/>
      <c r="I532" s="45"/>
      <c r="J532" s="45"/>
      <c r="K532" s="112"/>
      <c r="L532" s="45"/>
      <c r="M532" s="45"/>
      <c r="N532" s="45"/>
      <c r="O532" s="6"/>
      <c r="P532" s="6"/>
      <c r="Q532" s="6"/>
      <c r="R532" s="77"/>
    </row>
    <row r="533" spans="1:18" ht="12.6" customHeight="1">
      <c r="A533" s="70"/>
      <c r="B533" s="14"/>
      <c r="C533" s="106" t="s">
        <v>200</v>
      </c>
      <c r="D533" s="16"/>
      <c r="E533" s="16"/>
      <c r="G533" s="16"/>
      <c r="H533" s="14"/>
      <c r="I533" s="16"/>
      <c r="K533" s="16"/>
      <c r="M533" s="16"/>
      <c r="R533" s="77"/>
    </row>
    <row r="534" spans="1:18">
      <c r="A534" s="70">
        <f>MAX(A$12:A533)+1</f>
        <v>232</v>
      </c>
      <c r="B534" s="70"/>
      <c r="C534" s="41" t="s">
        <v>201</v>
      </c>
      <c r="D534" s="16"/>
      <c r="E534" s="57" t="s">
        <v>123</v>
      </c>
      <c r="G534" s="51">
        <v>0.16021541655852581</v>
      </c>
      <c r="H534" s="14"/>
      <c r="I534" s="60">
        <v>4.0000000000000036E-3</v>
      </c>
      <c r="K534" s="59">
        <v>0</v>
      </c>
      <c r="L534" s="50"/>
      <c r="M534" s="50">
        <f t="shared" ref="M534:M535" si="80">G534+I534+K534</f>
        <v>0.16421541655852581</v>
      </c>
      <c r="R534" s="77"/>
    </row>
    <row r="535" spans="1:18">
      <c r="A535" s="70">
        <f>MAX(A$12:A534)+1</f>
        <v>233</v>
      </c>
      <c r="B535" s="70"/>
      <c r="C535" s="41" t="s">
        <v>202</v>
      </c>
      <c r="D535" s="16"/>
      <c r="E535" s="24" t="s">
        <v>125</v>
      </c>
      <c r="G535" s="51">
        <v>5.8341862845445241E-3</v>
      </c>
      <c r="H535" s="14"/>
      <c r="I535" s="60">
        <v>0</v>
      </c>
      <c r="K535" s="59">
        <v>0</v>
      </c>
      <c r="L535" s="50"/>
      <c r="M535" s="50">
        <f t="shared" si="80"/>
        <v>5.8341862845445241E-3</v>
      </c>
      <c r="R535" s="77"/>
    </row>
    <row r="536" spans="1:18">
      <c r="A536" s="70"/>
      <c r="B536" s="14"/>
      <c r="C536" s="16"/>
      <c r="D536" s="16"/>
      <c r="E536" s="16"/>
      <c r="G536" s="51"/>
      <c r="H536" s="14"/>
      <c r="I536" s="51"/>
      <c r="K536" s="50"/>
      <c r="L536" s="50"/>
      <c r="M536" s="50"/>
      <c r="R536" s="77"/>
    </row>
    <row r="537" spans="1:18">
      <c r="A537" s="70"/>
      <c r="B537" s="14"/>
      <c r="C537" s="106" t="s">
        <v>203</v>
      </c>
      <c r="D537" s="16"/>
      <c r="E537" s="16"/>
      <c r="G537" s="51"/>
      <c r="H537" s="14"/>
      <c r="I537" s="51"/>
      <c r="K537" s="50"/>
      <c r="L537" s="50"/>
      <c r="M537" s="50"/>
      <c r="R537" s="77"/>
    </row>
    <row r="538" spans="1:18">
      <c r="A538" s="70">
        <f>MAX(A$12:A537)+1</f>
        <v>234</v>
      </c>
      <c r="B538" s="70"/>
      <c r="C538" s="41" t="s">
        <v>204</v>
      </c>
      <c r="D538" s="16"/>
      <c r="E538" s="57" t="s">
        <v>123</v>
      </c>
      <c r="G538" s="51">
        <v>1.3209</v>
      </c>
      <c r="H538" s="14"/>
      <c r="I538" s="51">
        <v>3.6000000000000032E-2</v>
      </c>
      <c r="K538" s="59">
        <v>0</v>
      </c>
      <c r="L538" s="50"/>
      <c r="M538" s="50">
        <f t="shared" ref="M538:M539" si="81">G538+I538+K538</f>
        <v>1.3569</v>
      </c>
      <c r="R538" s="77"/>
    </row>
    <row r="539" spans="1:18">
      <c r="A539" s="70">
        <f>MAX(A$12:A538)+1</f>
        <v>235</v>
      </c>
      <c r="B539" s="70"/>
      <c r="C539" s="41" t="s">
        <v>205</v>
      </c>
      <c r="D539" s="16"/>
      <c r="E539" s="24" t="s">
        <v>125</v>
      </c>
      <c r="G539" s="51">
        <v>5.21E-2</v>
      </c>
      <c r="H539" s="14"/>
      <c r="I539" s="51">
        <v>2.0000000000000018E-3</v>
      </c>
      <c r="K539" s="59">
        <v>0</v>
      </c>
      <c r="L539" s="50"/>
      <c r="M539" s="50">
        <f t="shared" si="81"/>
        <v>5.4100000000000002E-2</v>
      </c>
      <c r="R539" s="77"/>
    </row>
    <row r="540" spans="1:18">
      <c r="A540" s="70"/>
      <c r="B540" s="45"/>
      <c r="C540" s="16"/>
      <c r="D540" s="45"/>
      <c r="E540" s="45"/>
      <c r="F540" s="45"/>
      <c r="G540" s="45"/>
      <c r="H540" s="110"/>
      <c r="I540" s="45"/>
      <c r="J540" s="45"/>
      <c r="K540" s="112"/>
      <c r="L540" s="45"/>
      <c r="M540" s="45"/>
      <c r="N540" s="110"/>
      <c r="O540" s="6"/>
      <c r="P540" s="6"/>
      <c r="Q540" s="6"/>
      <c r="R540" s="77"/>
    </row>
    <row r="541" spans="1:18">
      <c r="A541" s="70"/>
      <c r="B541" s="45"/>
      <c r="C541" s="105" t="s">
        <v>206</v>
      </c>
      <c r="D541" s="45"/>
      <c r="E541" s="45"/>
      <c r="F541" s="45"/>
      <c r="G541" s="45"/>
      <c r="H541" s="110"/>
      <c r="I541" s="45"/>
      <c r="J541" s="45"/>
      <c r="K541" s="112"/>
      <c r="L541" s="45"/>
      <c r="M541" s="45"/>
      <c r="N541" s="110"/>
      <c r="O541" s="6"/>
      <c r="P541" s="6"/>
      <c r="Q541" s="6"/>
      <c r="R541" s="77"/>
    </row>
    <row r="542" spans="1:18">
      <c r="A542" s="70"/>
      <c r="B542" s="45"/>
      <c r="C542" s="41" t="s">
        <v>204</v>
      </c>
      <c r="D542" s="45"/>
      <c r="E542" s="45"/>
      <c r="F542" s="45"/>
      <c r="G542" s="45"/>
      <c r="H542" s="110"/>
      <c r="I542" s="45"/>
      <c r="J542" s="45"/>
      <c r="K542" s="112"/>
      <c r="L542" s="45"/>
      <c r="M542" s="45"/>
      <c r="N542" s="110"/>
      <c r="O542" s="6"/>
      <c r="P542" s="6"/>
      <c r="Q542" s="6"/>
      <c r="R542" s="77"/>
    </row>
    <row r="543" spans="1:18">
      <c r="A543" s="70">
        <f>MAX(A$12:A542)+1</f>
        <v>236</v>
      </c>
      <c r="B543" s="45"/>
      <c r="C543" s="90" t="s">
        <v>207</v>
      </c>
      <c r="D543" s="45"/>
      <c r="E543" s="57" t="s">
        <v>123</v>
      </c>
      <c r="F543" s="45"/>
      <c r="G543" s="114">
        <v>3.76</v>
      </c>
      <c r="H543" s="110"/>
      <c r="I543" s="114">
        <v>0.10400000000000009</v>
      </c>
      <c r="J543" s="45"/>
      <c r="K543" s="59">
        <v>0</v>
      </c>
      <c r="L543" s="45"/>
      <c r="M543" s="51">
        <f>G543+I543+K543</f>
        <v>3.8639999999999999</v>
      </c>
      <c r="N543" s="110"/>
      <c r="O543" s="6"/>
      <c r="P543" s="6"/>
      <c r="Q543" s="6"/>
      <c r="R543" s="77"/>
    </row>
    <row r="544" spans="1:18">
      <c r="A544" s="70">
        <f>MAX(A$12:A543)+1</f>
        <v>237</v>
      </c>
      <c r="B544" s="45"/>
      <c r="C544" s="90" t="s">
        <v>208</v>
      </c>
      <c r="D544" s="45"/>
      <c r="E544" s="57" t="s">
        <v>123</v>
      </c>
      <c r="F544" s="45"/>
      <c r="G544" s="114">
        <v>3.19</v>
      </c>
      <c r="H544" s="110"/>
      <c r="I544" s="114">
        <v>9.1000000000000192E-2</v>
      </c>
      <c r="J544" s="45"/>
      <c r="K544" s="59">
        <v>0</v>
      </c>
      <c r="L544" s="45"/>
      <c r="M544" s="51">
        <f>G544+I544+K544</f>
        <v>3.2810000000000001</v>
      </c>
      <c r="N544" s="110"/>
      <c r="O544" s="6"/>
      <c r="Q544" s="1"/>
      <c r="R544" s="77"/>
    </row>
    <row r="545" spans="1:18">
      <c r="A545" s="70">
        <f>MAX(A$12:A544)+1</f>
        <v>238</v>
      </c>
      <c r="B545" s="45"/>
      <c r="C545" s="90" t="s">
        <v>209</v>
      </c>
      <c r="D545" s="45"/>
      <c r="E545" s="57" t="s">
        <v>123</v>
      </c>
      <c r="F545" s="45"/>
      <c r="G545" s="114">
        <v>0.56999999999999995</v>
      </c>
      <c r="H545" s="110"/>
      <c r="I545" s="114">
        <v>1.3000000000000012E-2</v>
      </c>
      <c r="J545" s="45"/>
      <c r="K545" s="59">
        <v>0</v>
      </c>
      <c r="L545" s="45"/>
      <c r="M545" s="51">
        <f t="shared" ref="M545:M547" si="82">G545+I545+K545</f>
        <v>0.58299999999999996</v>
      </c>
      <c r="N545" s="110"/>
      <c r="O545" s="6"/>
      <c r="P545" s="6"/>
      <c r="Q545" s="6"/>
      <c r="R545" s="77"/>
    </row>
    <row r="546" spans="1:18">
      <c r="A546" s="70">
        <f>MAX(A$12:A545)+1</f>
        <v>239</v>
      </c>
      <c r="B546" s="45"/>
      <c r="C546" s="90" t="s">
        <v>210</v>
      </c>
      <c r="D546" s="45"/>
      <c r="E546" s="55" t="s">
        <v>123</v>
      </c>
      <c r="F546" s="45"/>
      <c r="G546" s="45">
        <v>4.6479999999999997</v>
      </c>
      <c r="H546" s="110"/>
      <c r="I546" s="114">
        <v>0.12400000000000055</v>
      </c>
      <c r="J546" s="45"/>
      <c r="K546" s="59">
        <v>0</v>
      </c>
      <c r="L546" s="45"/>
      <c r="M546" s="51">
        <f t="shared" ref="M546" si="83">G546+I546+K546</f>
        <v>4.7720000000000002</v>
      </c>
      <c r="N546" s="110"/>
      <c r="O546" s="6"/>
      <c r="P546" s="6"/>
      <c r="Q546" s="6"/>
      <c r="R546" s="77"/>
    </row>
    <row r="547" spans="1:18">
      <c r="A547" s="70">
        <f>MAX(A$12:A546)+1</f>
        <v>240</v>
      </c>
      <c r="B547" s="45"/>
      <c r="C547" s="90" t="s">
        <v>211</v>
      </c>
      <c r="D547" s="45"/>
      <c r="E547" s="57" t="s">
        <v>123</v>
      </c>
      <c r="F547" s="45"/>
      <c r="G547" s="45">
        <v>7.6999999999999999E-2</v>
      </c>
      <c r="H547" s="110"/>
      <c r="I547" s="114">
        <v>2.0000000000000018E-3</v>
      </c>
      <c r="J547" s="45"/>
      <c r="K547" s="59">
        <v>0</v>
      </c>
      <c r="L547" s="45"/>
      <c r="M547" s="51">
        <f t="shared" si="82"/>
        <v>7.9000000000000001E-2</v>
      </c>
      <c r="N547" s="110"/>
      <c r="O547" s="6"/>
      <c r="P547" s="6"/>
      <c r="Q547" s="6"/>
      <c r="R547" s="77"/>
    </row>
    <row r="548" spans="1:18">
      <c r="A548" s="70"/>
      <c r="B548" s="45"/>
      <c r="C548" s="53"/>
      <c r="D548" s="45"/>
      <c r="E548" s="16"/>
      <c r="G548" s="16"/>
      <c r="H548" s="14"/>
      <c r="I548" s="16"/>
      <c r="K548" s="16"/>
      <c r="M548" s="16"/>
      <c r="N548" s="110"/>
      <c r="O548" s="6"/>
      <c r="P548" s="6"/>
      <c r="Q548" s="6"/>
      <c r="R548" s="77"/>
    </row>
    <row r="549" spans="1:18">
      <c r="A549" s="70"/>
      <c r="B549" s="45"/>
      <c r="C549" s="52" t="s">
        <v>212</v>
      </c>
      <c r="D549" s="45"/>
      <c r="E549" s="45"/>
      <c r="F549" s="45"/>
      <c r="G549" s="45"/>
      <c r="H549" s="110"/>
      <c r="I549" s="45"/>
      <c r="J549" s="45"/>
      <c r="K549" s="112"/>
      <c r="L549" s="45"/>
      <c r="M549" s="45"/>
      <c r="N549" s="110"/>
      <c r="O549" s="6"/>
      <c r="P549" s="6"/>
      <c r="Q549" s="6"/>
      <c r="R549" s="77"/>
    </row>
    <row r="550" spans="1:18">
      <c r="A550" s="70">
        <f>MAX(A$12:A549)+1</f>
        <v>241</v>
      </c>
      <c r="B550" s="45"/>
      <c r="C550" s="52" t="s">
        <v>213</v>
      </c>
      <c r="D550" s="45"/>
      <c r="E550" s="24" t="s">
        <v>125</v>
      </c>
      <c r="F550" s="45"/>
      <c r="G550" s="115" t="s">
        <v>214</v>
      </c>
      <c r="H550" s="124" t="s">
        <v>215</v>
      </c>
      <c r="I550" s="59">
        <v>0</v>
      </c>
      <c r="J550" s="45"/>
      <c r="K550" s="59">
        <v>0</v>
      </c>
      <c r="L550" s="45"/>
      <c r="M550" s="115" t="s">
        <v>214</v>
      </c>
      <c r="N550" s="124" t="s">
        <v>215</v>
      </c>
      <c r="O550" s="6"/>
      <c r="P550" s="6"/>
      <c r="Q550" s="6"/>
      <c r="R550" s="77"/>
    </row>
    <row r="551" spans="1:18">
      <c r="A551" s="70">
        <f>MAX(A$12:A550)+1</f>
        <v>242</v>
      </c>
      <c r="B551" s="45"/>
      <c r="C551" s="52" t="s">
        <v>216</v>
      </c>
      <c r="D551" s="45"/>
      <c r="E551" s="24" t="s">
        <v>125</v>
      </c>
      <c r="F551" s="45"/>
      <c r="G551" s="115" t="s">
        <v>214</v>
      </c>
      <c r="H551" s="124" t="s">
        <v>215</v>
      </c>
      <c r="I551" s="59">
        <v>0</v>
      </c>
      <c r="J551" s="45"/>
      <c r="K551" s="59">
        <v>0</v>
      </c>
      <c r="L551" s="45"/>
      <c r="M551" s="115" t="s">
        <v>214</v>
      </c>
      <c r="N551" s="124" t="s">
        <v>215</v>
      </c>
      <c r="O551" s="6"/>
      <c r="P551" s="6"/>
      <c r="Q551" s="6"/>
      <c r="R551" s="77"/>
    </row>
    <row r="552" spans="1:18">
      <c r="A552" s="70"/>
      <c r="B552" s="45"/>
      <c r="C552" s="52"/>
      <c r="D552" s="45"/>
      <c r="E552" s="24"/>
      <c r="F552" s="45"/>
      <c r="G552" s="115"/>
      <c r="H552" s="110"/>
      <c r="I552" s="59"/>
      <c r="J552" s="45"/>
      <c r="K552" s="59"/>
      <c r="L552" s="45"/>
      <c r="M552" s="115"/>
      <c r="N552" s="110"/>
      <c r="O552" s="6"/>
      <c r="P552" s="6"/>
      <c r="Q552" s="6"/>
      <c r="R552" s="77"/>
    </row>
    <row r="553" spans="1:18">
      <c r="A553" s="70"/>
      <c r="B553" s="45"/>
      <c r="C553" s="52" t="s">
        <v>217</v>
      </c>
      <c r="D553" s="45"/>
      <c r="E553" s="45"/>
      <c r="F553" s="45"/>
      <c r="G553" s="45"/>
      <c r="H553" s="110"/>
      <c r="I553" s="45"/>
      <c r="J553" s="45"/>
      <c r="K553" s="112"/>
      <c r="L553" s="45"/>
      <c r="M553" s="45"/>
      <c r="N553" s="110"/>
      <c r="O553" s="6"/>
      <c r="P553" s="6"/>
      <c r="Q553" s="6"/>
      <c r="R553" s="77"/>
    </row>
    <row r="554" spans="1:18">
      <c r="A554" s="70">
        <f>MAX(A$12:A553)+1</f>
        <v>243</v>
      </c>
      <c r="B554" s="45"/>
      <c r="C554" s="107" t="s">
        <v>218</v>
      </c>
      <c r="D554" s="45"/>
      <c r="E554" s="55" t="s">
        <v>123</v>
      </c>
      <c r="F554" s="45"/>
      <c r="G554" s="45">
        <v>9.0239999999999991</v>
      </c>
      <c r="H554" s="110"/>
      <c r="I554" s="60">
        <v>0.24900000000000055</v>
      </c>
      <c r="J554" s="110"/>
      <c r="K554" s="59">
        <v>0</v>
      </c>
      <c r="L554" s="45"/>
      <c r="M554" s="51">
        <f t="shared" ref="M554" si="84">G554+I554+K554</f>
        <v>9.2729999999999997</v>
      </c>
      <c r="N554" s="110"/>
      <c r="O554" s="6"/>
      <c r="P554" s="6"/>
      <c r="Q554" s="6"/>
      <c r="R554" s="77"/>
    </row>
    <row r="555" spans="1:18">
      <c r="A555" s="70"/>
      <c r="B555" s="45"/>
      <c r="C555" s="52"/>
      <c r="D555" s="45"/>
      <c r="E555" s="45"/>
      <c r="F555" s="45"/>
      <c r="G555" s="45"/>
      <c r="H555" s="110"/>
      <c r="I555" s="45"/>
      <c r="J555" s="110"/>
      <c r="K555" s="112"/>
      <c r="L555" s="45"/>
      <c r="M555" s="45"/>
      <c r="N555" s="110"/>
      <c r="O555" s="6"/>
      <c r="P555" s="6"/>
      <c r="Q555" s="6"/>
      <c r="R555" s="77"/>
    </row>
    <row r="556" spans="1:18">
      <c r="A556" s="70"/>
      <c r="B556" s="45"/>
      <c r="C556" s="52" t="s">
        <v>205</v>
      </c>
      <c r="D556" s="45"/>
      <c r="E556" s="45"/>
      <c r="F556" s="45"/>
      <c r="G556" s="45"/>
      <c r="H556" s="110"/>
      <c r="I556" s="45"/>
      <c r="J556" s="110"/>
      <c r="K556" s="112"/>
      <c r="L556" s="45"/>
      <c r="M556" s="45"/>
      <c r="N556" s="110"/>
      <c r="O556" s="6"/>
      <c r="P556" s="6"/>
      <c r="Q556" s="6"/>
      <c r="R556" s="77"/>
    </row>
    <row r="557" spans="1:18">
      <c r="A557" s="70"/>
      <c r="B557" s="45"/>
      <c r="C557" s="90" t="s">
        <v>219</v>
      </c>
      <c r="D557" s="45"/>
      <c r="E557" s="45"/>
      <c r="F557" s="45"/>
      <c r="G557" s="45"/>
      <c r="H557" s="110"/>
      <c r="I557" s="45"/>
      <c r="J557" s="110"/>
      <c r="K557" s="112"/>
      <c r="L557" s="45"/>
      <c r="M557" s="45"/>
      <c r="N557" s="110"/>
      <c r="O557" s="6"/>
      <c r="P557" s="6"/>
      <c r="Q557" s="6"/>
      <c r="R557" s="77"/>
    </row>
    <row r="558" spans="1:18">
      <c r="A558" s="70">
        <f>MAX(A$12:A557)+1</f>
        <v>244</v>
      </c>
      <c r="B558" s="45"/>
      <c r="C558" s="91" t="s">
        <v>220</v>
      </c>
      <c r="D558" s="45"/>
      <c r="E558" s="24" t="s">
        <v>125</v>
      </c>
      <c r="F558" s="45"/>
      <c r="G558" s="45">
        <v>0.124</v>
      </c>
      <c r="H558" s="124" t="s">
        <v>215</v>
      </c>
      <c r="I558" s="114">
        <v>3.0000000000000027E-3</v>
      </c>
      <c r="J558" s="110"/>
      <c r="K558" s="59">
        <v>0</v>
      </c>
      <c r="L558" s="45"/>
      <c r="M558" s="51">
        <f>G558+I558+K558</f>
        <v>0.127</v>
      </c>
      <c r="N558" s="124" t="s">
        <v>215</v>
      </c>
      <c r="O558" s="6"/>
      <c r="Q558" s="1"/>
      <c r="R558" s="77"/>
    </row>
    <row r="559" spans="1:18">
      <c r="A559" s="70">
        <f>MAX(A$12:A558)+1</f>
        <v>245</v>
      </c>
      <c r="B559" s="45"/>
      <c r="C559" s="91" t="s">
        <v>208</v>
      </c>
      <c r="D559" s="45"/>
      <c r="E559" s="24" t="s">
        <v>125</v>
      </c>
      <c r="F559" s="45"/>
      <c r="G559" s="45">
        <v>0.105</v>
      </c>
      <c r="H559" s="124" t="s">
        <v>215</v>
      </c>
      <c r="I559" s="114">
        <v>3.0000000000000027E-3</v>
      </c>
      <c r="J559" s="110"/>
      <c r="K559" s="59">
        <v>0</v>
      </c>
      <c r="L559" s="45"/>
      <c r="M559" s="51">
        <f>G559+I559+K559</f>
        <v>0.108</v>
      </c>
      <c r="N559" s="124" t="s">
        <v>215</v>
      </c>
      <c r="O559" s="6"/>
      <c r="P559" s="6"/>
      <c r="Q559" s="6"/>
      <c r="R559" s="77"/>
    </row>
    <row r="560" spans="1:18">
      <c r="A560" s="70">
        <f>MAX(A$12:A559)+1</f>
        <v>246</v>
      </c>
      <c r="B560" s="45"/>
      <c r="C560" s="91" t="s">
        <v>209</v>
      </c>
      <c r="D560" s="45"/>
      <c r="E560" s="24" t="s">
        <v>125</v>
      </c>
      <c r="F560" s="45"/>
      <c r="G560" s="45">
        <v>1.9E-2</v>
      </c>
      <c r="H560" s="124" t="s">
        <v>215</v>
      </c>
      <c r="I560" s="114">
        <v>0</v>
      </c>
      <c r="J560" s="110"/>
      <c r="K560" s="59">
        <v>0</v>
      </c>
      <c r="L560" s="45"/>
      <c r="M560" s="51">
        <f>G560+I560+K560</f>
        <v>1.9E-2</v>
      </c>
      <c r="N560" s="124" t="s">
        <v>215</v>
      </c>
      <c r="O560" s="6"/>
      <c r="P560" s="6"/>
      <c r="Q560" s="6"/>
      <c r="R560" s="77"/>
    </row>
    <row r="561" spans="1:18">
      <c r="A561" s="70">
        <f>MAX(A$12:A560)+1</f>
        <v>247</v>
      </c>
      <c r="B561" s="45"/>
      <c r="C561" s="91" t="s">
        <v>210</v>
      </c>
      <c r="D561" s="45"/>
      <c r="E561" s="24" t="s">
        <v>125</v>
      </c>
      <c r="F561" s="45"/>
      <c r="G561" s="45">
        <v>0.153</v>
      </c>
      <c r="H561" s="124" t="s">
        <v>215</v>
      </c>
      <c r="I561" s="114">
        <v>4.0000000000000036E-3</v>
      </c>
      <c r="J561" s="110"/>
      <c r="K561" s="112"/>
      <c r="L561" s="45"/>
      <c r="M561" s="51">
        <f t="shared" ref="M561" si="85">G561+I561+K561</f>
        <v>0.157</v>
      </c>
      <c r="N561" s="124" t="s">
        <v>215</v>
      </c>
      <c r="O561" s="6"/>
      <c r="P561" s="6"/>
      <c r="Q561" s="6"/>
      <c r="R561" s="77"/>
    </row>
    <row r="562" spans="1:18">
      <c r="A562" s="70"/>
      <c r="B562" s="45"/>
      <c r="C562" s="16"/>
      <c r="D562" s="45"/>
      <c r="E562" s="45"/>
      <c r="F562" s="45"/>
      <c r="G562" s="45"/>
      <c r="H562" s="110"/>
      <c r="I562" s="45"/>
      <c r="J562" s="110"/>
      <c r="K562" s="59">
        <v>0</v>
      </c>
      <c r="L562" s="45"/>
      <c r="M562" s="45"/>
      <c r="N562" s="110"/>
      <c r="O562" s="6"/>
      <c r="P562" s="6"/>
      <c r="Q562" s="6"/>
      <c r="R562" s="77"/>
    </row>
    <row r="563" spans="1:18">
      <c r="A563" s="70"/>
      <c r="B563" s="45"/>
      <c r="C563" s="105" t="s">
        <v>221</v>
      </c>
      <c r="D563" s="45"/>
      <c r="E563" s="45"/>
      <c r="F563" s="45"/>
      <c r="G563" s="45"/>
      <c r="H563" s="110"/>
      <c r="I563" s="45"/>
      <c r="J563" s="110"/>
      <c r="K563" s="112"/>
      <c r="L563" s="45"/>
      <c r="M563" s="45"/>
      <c r="N563" s="110"/>
      <c r="O563" s="6"/>
      <c r="P563" s="6"/>
      <c r="Q563" s="6"/>
      <c r="R563" s="77"/>
    </row>
    <row r="564" spans="1:18">
      <c r="A564" s="70">
        <f>MAX(A$12:A563)+1</f>
        <v>248</v>
      </c>
      <c r="B564" s="45"/>
      <c r="C564" s="52" t="s">
        <v>222</v>
      </c>
      <c r="D564" s="45"/>
      <c r="E564" s="24" t="s">
        <v>24</v>
      </c>
      <c r="F564" s="45"/>
      <c r="G564" s="27">
        <v>1047.53</v>
      </c>
      <c r="H564" s="110"/>
      <c r="I564" s="59">
        <v>0</v>
      </c>
      <c r="J564" s="110"/>
      <c r="K564" s="59">
        <v>0</v>
      </c>
      <c r="L564" s="45"/>
      <c r="M564" s="27">
        <f t="shared" ref="M564:M566" si="86">G564+I564+K564</f>
        <v>1047.53</v>
      </c>
      <c r="N564" s="110"/>
      <c r="O564" s="6"/>
      <c r="P564" s="6"/>
      <c r="Q564" s="6"/>
      <c r="R564" s="77"/>
    </row>
    <row r="565" spans="1:18">
      <c r="A565" s="70">
        <f>MAX(A$12:A564)+1</f>
        <v>249</v>
      </c>
      <c r="B565" s="45"/>
      <c r="C565" s="52" t="s">
        <v>223</v>
      </c>
      <c r="D565" s="45"/>
      <c r="E565" s="24" t="s">
        <v>125</v>
      </c>
      <c r="F565" s="45"/>
      <c r="G565" s="45">
        <v>3.7999999999999999E-2</v>
      </c>
      <c r="H565" s="110"/>
      <c r="I565" s="45">
        <v>1.0000000000000009E-3</v>
      </c>
      <c r="J565" s="110"/>
      <c r="K565" s="59">
        <v>0</v>
      </c>
      <c r="L565" s="45"/>
      <c r="M565" s="51">
        <f t="shared" si="86"/>
        <v>3.9E-2</v>
      </c>
      <c r="N565" s="110"/>
      <c r="O565" s="6"/>
      <c r="P565" s="6"/>
      <c r="Q565" s="6"/>
      <c r="R565" s="77"/>
    </row>
    <row r="566" spans="1:18">
      <c r="A566" s="70">
        <f>MAX(A$12:A565)+1</f>
        <v>250</v>
      </c>
      <c r="B566" s="45"/>
      <c r="C566" s="52" t="s">
        <v>224</v>
      </c>
      <c r="D566" s="45"/>
      <c r="E566" s="24" t="s">
        <v>125</v>
      </c>
      <c r="F566" s="45"/>
      <c r="G566" s="114">
        <v>5.0000000000000001E-3</v>
      </c>
      <c r="H566" s="110"/>
      <c r="I566" s="114">
        <v>2E-3</v>
      </c>
      <c r="J566" s="110"/>
      <c r="K566" s="60">
        <v>0</v>
      </c>
      <c r="L566" s="45"/>
      <c r="M566" s="51">
        <f t="shared" si="86"/>
        <v>7.0000000000000001E-3</v>
      </c>
      <c r="N566" s="110"/>
      <c r="O566" s="6"/>
      <c r="P566" s="6"/>
      <c r="Q566" s="6"/>
      <c r="R566" s="77"/>
    </row>
    <row r="567" spans="1:18">
      <c r="A567" s="70">
        <f>MAX(A$12:A566)+1</f>
        <v>251</v>
      </c>
      <c r="B567" s="45"/>
      <c r="C567" s="52" t="s">
        <v>225</v>
      </c>
      <c r="D567" s="45"/>
      <c r="E567" s="24" t="s">
        <v>125</v>
      </c>
      <c r="F567" s="45"/>
      <c r="G567" s="115" t="s">
        <v>214</v>
      </c>
      <c r="H567" s="124" t="s">
        <v>226</v>
      </c>
      <c r="I567" s="45"/>
      <c r="J567" s="110"/>
      <c r="K567" s="59">
        <v>0</v>
      </c>
      <c r="L567" s="45"/>
      <c r="M567" s="115" t="s">
        <v>214</v>
      </c>
      <c r="N567" s="124" t="s">
        <v>226</v>
      </c>
      <c r="O567" s="6"/>
      <c r="P567" s="6"/>
      <c r="Q567" s="6"/>
      <c r="R567" s="77"/>
    </row>
    <row r="568" spans="1:18">
      <c r="A568" s="70"/>
      <c r="B568" s="45"/>
      <c r="C568" s="52"/>
      <c r="D568" s="45"/>
      <c r="E568" s="45"/>
      <c r="F568" s="45"/>
      <c r="G568" s="45"/>
      <c r="H568" s="110"/>
      <c r="I568" s="45"/>
      <c r="J568" s="110"/>
      <c r="K568" s="112"/>
      <c r="L568" s="45"/>
      <c r="M568" s="45"/>
      <c r="N568" s="110"/>
      <c r="O568" s="6"/>
      <c r="P568" s="6"/>
      <c r="Q568" s="6"/>
      <c r="R568" s="77"/>
    </row>
    <row r="569" spans="1:18">
      <c r="A569" s="70">
        <f>MAX(A$12:A568)+1</f>
        <v>252</v>
      </c>
      <c r="B569" s="45"/>
      <c r="C569" s="52" t="s">
        <v>227</v>
      </c>
      <c r="D569" s="45"/>
      <c r="E569" s="24" t="s">
        <v>125</v>
      </c>
      <c r="F569" s="45"/>
      <c r="G569" s="114">
        <v>0.12</v>
      </c>
      <c r="H569" s="110"/>
      <c r="I569" s="114">
        <v>4.0000000000000036E-3</v>
      </c>
      <c r="J569" s="110"/>
      <c r="K569" s="59">
        <v>0</v>
      </c>
      <c r="L569" s="45"/>
      <c r="M569" s="51">
        <f t="shared" ref="M569:M570" si="87">G569+I569+K569</f>
        <v>0.124</v>
      </c>
      <c r="N569" s="110"/>
      <c r="O569" s="6"/>
      <c r="P569" s="6"/>
      <c r="Q569" s="6"/>
      <c r="R569" s="77"/>
    </row>
    <row r="570" spans="1:18">
      <c r="A570" s="70">
        <f>MAX(A$12:A569)+1</f>
        <v>253</v>
      </c>
      <c r="B570" s="45"/>
      <c r="C570" s="52" t="s">
        <v>228</v>
      </c>
      <c r="D570" s="45"/>
      <c r="E570" s="24" t="s">
        <v>125</v>
      </c>
      <c r="F570" s="45"/>
      <c r="G570" s="45">
        <v>0.114</v>
      </c>
      <c r="H570" s="124" t="s">
        <v>226</v>
      </c>
      <c r="I570" s="114">
        <v>2.0000000000000018E-3</v>
      </c>
      <c r="J570" s="110"/>
      <c r="K570" s="59">
        <v>0</v>
      </c>
      <c r="L570" s="45"/>
      <c r="M570" s="51">
        <f t="shared" si="87"/>
        <v>0.11600000000000001</v>
      </c>
      <c r="N570" s="124" t="s">
        <v>226</v>
      </c>
      <c r="O570" s="6"/>
      <c r="P570" s="6"/>
      <c r="Q570" s="6"/>
      <c r="R570" s="77"/>
    </row>
    <row r="571" spans="1:18">
      <c r="A571" s="70"/>
      <c r="B571" s="45"/>
      <c r="C571" s="45"/>
      <c r="D571" s="45"/>
      <c r="E571" s="45"/>
      <c r="F571" s="45"/>
      <c r="G571" s="45"/>
      <c r="H571" s="110"/>
      <c r="I571" s="45"/>
      <c r="J571" s="110"/>
      <c r="K571" s="112"/>
      <c r="L571" s="45"/>
      <c r="M571" s="45"/>
      <c r="N571" s="110"/>
      <c r="O571" s="6"/>
      <c r="P571" s="6"/>
      <c r="Q571" s="6"/>
      <c r="R571" s="77"/>
    </row>
    <row r="572" spans="1:18">
      <c r="A572" s="70"/>
      <c r="B572" s="45"/>
      <c r="C572" s="105" t="s">
        <v>229</v>
      </c>
      <c r="D572" s="45"/>
      <c r="E572" s="45"/>
      <c r="F572" s="45"/>
      <c r="G572" s="45"/>
      <c r="H572" s="110"/>
      <c r="I572" s="45"/>
      <c r="J572" s="110"/>
      <c r="K572" s="112"/>
      <c r="L572" s="45"/>
      <c r="M572" s="45"/>
      <c r="N572" s="110"/>
      <c r="O572" s="6"/>
      <c r="P572" s="6"/>
      <c r="Q572" s="6"/>
      <c r="R572" s="77"/>
    </row>
    <row r="573" spans="1:18">
      <c r="A573" s="70">
        <f>MAX(A$12:A572)+1</f>
        <v>254</v>
      </c>
      <c r="B573" s="45"/>
      <c r="C573" s="52" t="s">
        <v>230</v>
      </c>
      <c r="D573" s="45"/>
      <c r="E573" s="24" t="s">
        <v>24</v>
      </c>
      <c r="F573" s="45"/>
      <c r="G573" s="27">
        <v>1666.51</v>
      </c>
      <c r="H573" s="110"/>
      <c r="I573" s="130">
        <v>44.938000000000102</v>
      </c>
      <c r="J573" s="110"/>
      <c r="K573" s="59">
        <v>0</v>
      </c>
      <c r="L573" s="45"/>
      <c r="M573" s="27">
        <f t="shared" ref="M573" si="88">G573+I573+K573</f>
        <v>1711.4480000000001</v>
      </c>
      <c r="N573" s="110"/>
      <c r="O573" s="6"/>
      <c r="P573" s="6"/>
      <c r="Q573" s="6"/>
      <c r="R573" s="77"/>
    </row>
    <row r="574" spans="1:18">
      <c r="A574" s="70"/>
      <c r="B574" s="45"/>
      <c r="C574" s="52" t="s">
        <v>231</v>
      </c>
      <c r="D574" s="45"/>
      <c r="E574" s="45"/>
      <c r="F574" s="45"/>
      <c r="G574" s="45"/>
      <c r="H574" s="110"/>
      <c r="I574" s="45"/>
      <c r="J574" s="110"/>
      <c r="K574" s="112"/>
      <c r="L574" s="45"/>
      <c r="M574" s="45"/>
      <c r="N574" s="110"/>
      <c r="O574" s="6"/>
      <c r="P574" s="6"/>
      <c r="Q574" s="6"/>
      <c r="R574" s="77"/>
    </row>
    <row r="575" spans="1:18">
      <c r="A575" s="70">
        <f>MAX(A$12:A574)+1</f>
        <v>255</v>
      </c>
      <c r="B575" s="45"/>
      <c r="C575" s="90" t="s">
        <v>232</v>
      </c>
      <c r="D575" s="45"/>
      <c r="E575" s="57" t="s">
        <v>123</v>
      </c>
      <c r="F575" s="45"/>
      <c r="G575" s="60">
        <v>0.84199999999999997</v>
      </c>
      <c r="H575" s="125"/>
      <c r="I575" s="60">
        <v>2.300000000000002E-2</v>
      </c>
      <c r="J575" s="125"/>
      <c r="K575" s="59">
        <v>0</v>
      </c>
      <c r="L575" s="60"/>
      <c r="M575" s="60">
        <f t="shared" ref="M575:M577" si="89">G575+I575+K575</f>
        <v>0.86499999999999999</v>
      </c>
      <c r="N575" s="110"/>
      <c r="O575" s="6"/>
      <c r="P575" s="6"/>
      <c r="Q575" s="6"/>
      <c r="R575" s="77"/>
    </row>
    <row r="576" spans="1:18">
      <c r="A576" s="70">
        <f>MAX(A$12:A575)+1</f>
        <v>256</v>
      </c>
      <c r="B576" s="45"/>
      <c r="C576" s="90" t="s">
        <v>233</v>
      </c>
      <c r="D576" s="45"/>
      <c r="E576" s="57" t="s">
        <v>123</v>
      </c>
      <c r="F576" s="45"/>
      <c r="G576" s="60">
        <v>2.3260000000000001</v>
      </c>
      <c r="H576" s="125"/>
      <c r="I576" s="60">
        <v>5.7999999999999829E-2</v>
      </c>
      <c r="J576" s="125"/>
      <c r="K576" s="59">
        <v>0</v>
      </c>
      <c r="L576" s="60"/>
      <c r="M576" s="60">
        <f t="shared" si="89"/>
        <v>2.3839999999999999</v>
      </c>
      <c r="N576" s="110"/>
      <c r="O576" s="6"/>
      <c r="P576" s="6"/>
      <c r="Q576" s="6"/>
      <c r="R576" s="77"/>
    </row>
    <row r="577" spans="1:18">
      <c r="A577" s="70">
        <f>MAX(A$12:A576)+1</f>
        <v>257</v>
      </c>
      <c r="B577" s="45"/>
      <c r="C577" s="52" t="s">
        <v>234</v>
      </c>
      <c r="D577" s="45"/>
      <c r="E577" s="24" t="s">
        <v>125</v>
      </c>
      <c r="F577" s="45"/>
      <c r="G577" s="60">
        <v>3.7999999999999999E-2</v>
      </c>
      <c r="H577" s="125"/>
      <c r="I577" s="60">
        <v>1.0000000000000009E-3</v>
      </c>
      <c r="J577" s="125"/>
      <c r="K577" s="59">
        <v>0</v>
      </c>
      <c r="L577" s="60"/>
      <c r="M577" s="60">
        <f t="shared" si="89"/>
        <v>3.9E-2</v>
      </c>
      <c r="N577" s="110"/>
      <c r="O577" s="6"/>
      <c r="P577" s="6"/>
      <c r="Q577" s="6"/>
      <c r="R577" s="77"/>
    </row>
    <row r="578" spans="1:18">
      <c r="A578" s="70"/>
      <c r="B578" s="45"/>
      <c r="C578" s="52" t="s">
        <v>235</v>
      </c>
      <c r="D578" s="45"/>
      <c r="E578" s="45"/>
      <c r="F578" s="45"/>
      <c r="G578" s="60"/>
      <c r="H578" s="125"/>
      <c r="I578" s="60"/>
      <c r="J578" s="125"/>
      <c r="K578" s="60"/>
      <c r="L578" s="60"/>
      <c r="M578" s="60"/>
      <c r="N578" s="110"/>
      <c r="O578" s="6"/>
      <c r="P578" s="6"/>
      <c r="Q578" s="6"/>
      <c r="R578" s="77"/>
    </row>
    <row r="579" spans="1:18">
      <c r="A579" s="70">
        <f>MAX(A$12:A578)+1</f>
        <v>258</v>
      </c>
      <c r="B579" s="45"/>
      <c r="C579" s="90" t="s">
        <v>236</v>
      </c>
      <c r="D579" s="45"/>
      <c r="E579" s="24" t="s">
        <v>125</v>
      </c>
      <c r="F579" s="45"/>
      <c r="G579" s="60">
        <v>5.0000000000000001E-3</v>
      </c>
      <c r="H579" s="125"/>
      <c r="I579" s="60">
        <v>2E-3</v>
      </c>
      <c r="J579" s="125"/>
      <c r="K579" s="59">
        <v>0</v>
      </c>
      <c r="L579" s="60"/>
      <c r="M579" s="60">
        <f t="shared" ref="M579:M580" si="90">G579+I579+K579</f>
        <v>7.0000000000000001E-3</v>
      </c>
      <c r="N579" s="110"/>
      <c r="O579" s="6"/>
      <c r="P579" s="6"/>
      <c r="Q579" s="6"/>
      <c r="R579" s="77"/>
    </row>
    <row r="580" spans="1:18">
      <c r="A580" s="70">
        <f>MAX(A$12:A579)+1</f>
        <v>259</v>
      </c>
      <c r="B580" s="45"/>
      <c r="C580" s="90" t="s">
        <v>237</v>
      </c>
      <c r="D580" s="45"/>
      <c r="E580" s="24" t="s">
        <v>125</v>
      </c>
      <c r="F580" s="45"/>
      <c r="G580" s="60">
        <v>5.0000000000000001E-3</v>
      </c>
      <c r="H580" s="125"/>
      <c r="I580" s="60">
        <v>2E-3</v>
      </c>
      <c r="J580" s="125"/>
      <c r="K580" s="59">
        <v>0</v>
      </c>
      <c r="L580" s="60"/>
      <c r="M580" s="60">
        <f t="shared" si="90"/>
        <v>7.0000000000000001E-3</v>
      </c>
      <c r="N580" s="110"/>
      <c r="O580" s="6"/>
      <c r="P580" s="6"/>
      <c r="Q580" s="6"/>
      <c r="R580" s="77"/>
    </row>
    <row r="581" spans="1:18">
      <c r="A581" s="70">
        <f>MAX(A$12:A580)+1</f>
        <v>260</v>
      </c>
      <c r="B581" s="45"/>
      <c r="C581" s="90" t="s">
        <v>238</v>
      </c>
      <c r="D581" s="45"/>
      <c r="E581" s="24" t="s">
        <v>125</v>
      </c>
      <c r="F581" s="45"/>
      <c r="G581" s="115" t="s">
        <v>214</v>
      </c>
      <c r="H581" s="124" t="s">
        <v>226</v>
      </c>
      <c r="I581" s="115" t="s">
        <v>214</v>
      </c>
      <c r="J581" s="124" t="s">
        <v>226</v>
      </c>
      <c r="K581" s="59">
        <v>0</v>
      </c>
      <c r="L581" s="126"/>
      <c r="M581" s="115" t="s">
        <v>214</v>
      </c>
      <c r="N581" s="124" t="s">
        <v>226</v>
      </c>
      <c r="O581" s="6"/>
      <c r="P581" s="6"/>
      <c r="Q581" s="6"/>
      <c r="R581" s="77"/>
    </row>
    <row r="582" spans="1:18">
      <c r="A582" s="70">
        <f>MAX(A$12:A581)+1</f>
        <v>261</v>
      </c>
      <c r="B582" s="45"/>
      <c r="C582" s="90" t="s">
        <v>239</v>
      </c>
      <c r="D582" s="45"/>
      <c r="E582" s="24" t="s">
        <v>125</v>
      </c>
      <c r="F582" s="45"/>
      <c r="G582" s="115" t="s">
        <v>214</v>
      </c>
      <c r="H582" s="124" t="s">
        <v>226</v>
      </c>
      <c r="I582" s="115" t="s">
        <v>214</v>
      </c>
      <c r="J582" s="124" t="s">
        <v>226</v>
      </c>
      <c r="K582" s="59">
        <v>0</v>
      </c>
      <c r="L582" s="126"/>
      <c r="M582" s="115" t="s">
        <v>214</v>
      </c>
      <c r="N582" s="124" t="s">
        <v>226</v>
      </c>
      <c r="O582" s="6"/>
      <c r="P582" s="6"/>
      <c r="Q582" s="6"/>
      <c r="R582" s="77"/>
    </row>
    <row r="583" spans="1:18">
      <c r="A583" s="70"/>
      <c r="B583" s="45"/>
      <c r="C583" s="52" t="s">
        <v>240</v>
      </c>
      <c r="D583" s="45"/>
      <c r="E583" s="45"/>
      <c r="F583" s="45"/>
      <c r="G583" s="60"/>
      <c r="H583" s="125"/>
      <c r="I583" s="60"/>
      <c r="J583" s="125"/>
      <c r="K583" s="60"/>
      <c r="L583" s="60"/>
      <c r="M583" s="60"/>
      <c r="N583" s="110"/>
      <c r="O583" s="6"/>
      <c r="P583" s="6"/>
      <c r="Q583" s="6"/>
      <c r="R583" s="77"/>
    </row>
    <row r="584" spans="1:18">
      <c r="A584" s="70">
        <f>MAX(A$12:A583)+1</f>
        <v>262</v>
      </c>
      <c r="B584" s="45"/>
      <c r="C584" s="90" t="s">
        <v>236</v>
      </c>
      <c r="D584" s="45"/>
      <c r="E584" s="24" t="s">
        <v>125</v>
      </c>
      <c r="F584" s="45"/>
      <c r="G584" s="60">
        <v>6.0000000000000001E-3</v>
      </c>
      <c r="H584" s="125"/>
      <c r="I584" s="60">
        <v>2E-3</v>
      </c>
      <c r="J584" s="125"/>
      <c r="K584" s="59">
        <v>0</v>
      </c>
      <c r="L584" s="60"/>
      <c r="M584" s="60">
        <f t="shared" ref="M584:M585" si="91">G584+I584+K584</f>
        <v>8.0000000000000002E-3</v>
      </c>
      <c r="N584" s="110"/>
      <c r="O584" s="6"/>
      <c r="P584" s="6"/>
      <c r="Q584" s="6"/>
      <c r="R584" s="77"/>
    </row>
    <row r="585" spans="1:18">
      <c r="A585" s="70">
        <f>MAX(A$12:A584)+1</f>
        <v>263</v>
      </c>
      <c r="B585" s="45"/>
      <c r="C585" s="90" t="s">
        <v>237</v>
      </c>
      <c r="D585" s="45"/>
      <c r="E585" s="24" t="s">
        <v>125</v>
      </c>
      <c r="F585" s="45"/>
      <c r="G585" s="60">
        <v>1.6E-2</v>
      </c>
      <c r="H585" s="125"/>
      <c r="I585" s="60">
        <v>2.0000000000000018E-3</v>
      </c>
      <c r="J585" s="125"/>
      <c r="K585" s="60">
        <v>-1E-3</v>
      </c>
      <c r="L585" s="60"/>
      <c r="M585" s="60">
        <f t="shared" si="91"/>
        <v>1.7000000000000001E-2</v>
      </c>
      <c r="N585" s="110"/>
      <c r="O585" s="6"/>
      <c r="P585" s="6"/>
      <c r="Q585" s="6"/>
      <c r="R585" s="77"/>
    </row>
    <row r="586" spans="1:18">
      <c r="A586" s="70">
        <f>MAX(A$12:A585)+1</f>
        <v>264</v>
      </c>
      <c r="B586" s="45"/>
      <c r="C586" s="90" t="s">
        <v>238</v>
      </c>
      <c r="D586" s="45"/>
      <c r="E586" s="24" t="s">
        <v>125</v>
      </c>
      <c r="F586" s="45"/>
      <c r="G586" s="115" t="s">
        <v>214</v>
      </c>
      <c r="H586" s="124" t="s">
        <v>226</v>
      </c>
      <c r="I586" s="115" t="s">
        <v>214</v>
      </c>
      <c r="J586" s="124" t="s">
        <v>226</v>
      </c>
      <c r="K586" s="59">
        <v>0</v>
      </c>
      <c r="L586" s="126"/>
      <c r="M586" s="115" t="s">
        <v>214</v>
      </c>
      <c r="N586" s="124" t="s">
        <v>226</v>
      </c>
      <c r="O586" s="6"/>
      <c r="P586" s="6"/>
      <c r="Q586" s="6"/>
      <c r="R586" s="77"/>
    </row>
    <row r="587" spans="1:18">
      <c r="A587" s="70">
        <f>MAX(A$12:A586)+1</f>
        <v>265</v>
      </c>
      <c r="B587" s="45"/>
      <c r="C587" s="90" t="s">
        <v>239</v>
      </c>
      <c r="D587" s="45"/>
      <c r="E587" s="24" t="s">
        <v>125</v>
      </c>
      <c r="F587" s="45"/>
      <c r="G587" s="115" t="s">
        <v>214</v>
      </c>
      <c r="H587" s="124" t="s">
        <v>226</v>
      </c>
      <c r="I587" s="115" t="s">
        <v>214</v>
      </c>
      <c r="J587" s="124" t="s">
        <v>226</v>
      </c>
      <c r="K587" s="59">
        <v>0</v>
      </c>
      <c r="L587" s="126"/>
      <c r="M587" s="115" t="s">
        <v>214</v>
      </c>
      <c r="N587" s="124" t="s">
        <v>226</v>
      </c>
      <c r="O587" s="6"/>
      <c r="P587" s="6"/>
      <c r="Q587" s="6"/>
      <c r="R587" s="77"/>
    </row>
    <row r="588" spans="1:18">
      <c r="A588" s="70"/>
      <c r="B588" s="45"/>
      <c r="C588" s="52"/>
      <c r="D588" s="45"/>
      <c r="E588" s="45"/>
      <c r="F588" s="45"/>
      <c r="G588" s="45"/>
      <c r="H588" s="110"/>
      <c r="I588" s="45"/>
      <c r="J588" s="110"/>
      <c r="K588" s="112"/>
      <c r="L588" s="45"/>
      <c r="M588" s="45"/>
      <c r="N588" s="110"/>
      <c r="O588" s="6"/>
      <c r="P588" s="6"/>
      <c r="Q588" s="6"/>
      <c r="R588" s="77"/>
    </row>
    <row r="589" spans="1:18">
      <c r="A589" s="70"/>
      <c r="B589" s="45"/>
      <c r="C589" s="52" t="s">
        <v>205</v>
      </c>
      <c r="D589" s="45"/>
      <c r="E589" s="45"/>
      <c r="F589" s="45"/>
      <c r="G589" s="45"/>
      <c r="H589" s="110"/>
      <c r="I589" s="45"/>
      <c r="J589" s="110"/>
      <c r="K589" s="112"/>
      <c r="L589" s="45"/>
      <c r="M589" s="45"/>
      <c r="N589" s="110"/>
      <c r="O589" s="6"/>
      <c r="P589" s="6"/>
      <c r="Q589" s="6"/>
      <c r="R589" s="77"/>
    </row>
    <row r="590" spans="1:18">
      <c r="A590" s="70"/>
      <c r="B590" s="45"/>
      <c r="C590" s="53" t="s">
        <v>235</v>
      </c>
      <c r="D590" s="45"/>
      <c r="E590" s="45"/>
      <c r="F590" s="45"/>
      <c r="G590" s="45"/>
      <c r="H590" s="110"/>
      <c r="I590" s="45"/>
      <c r="J590" s="110"/>
      <c r="K590" s="112"/>
      <c r="L590" s="45"/>
      <c r="M590" s="45"/>
      <c r="N590" s="110"/>
      <c r="O590" s="6"/>
      <c r="P590" s="6"/>
      <c r="Q590" s="6"/>
      <c r="R590" s="77"/>
    </row>
    <row r="591" spans="1:18">
      <c r="A591" s="70">
        <f>MAX(A$12:A590)+1</f>
        <v>266</v>
      </c>
      <c r="B591" s="45"/>
      <c r="C591" s="91" t="s">
        <v>236</v>
      </c>
      <c r="D591" s="45"/>
      <c r="E591" s="24" t="s">
        <v>125</v>
      </c>
      <c r="F591" s="45"/>
      <c r="G591" s="60">
        <v>7.0999999999999994E-2</v>
      </c>
      <c r="H591" s="125"/>
      <c r="I591" s="60">
        <v>4.0000000000000036E-3</v>
      </c>
      <c r="J591" s="125"/>
      <c r="K591" s="59">
        <v>0</v>
      </c>
      <c r="L591" s="60"/>
      <c r="M591" s="60">
        <f t="shared" ref="M591:M594" si="92">G591+I591+K591</f>
        <v>7.4999999999999997E-2</v>
      </c>
      <c r="N591" s="110"/>
      <c r="O591" s="6"/>
      <c r="P591" s="6"/>
      <c r="Q591" s="6"/>
      <c r="R591" s="77"/>
    </row>
    <row r="592" spans="1:18">
      <c r="A592" s="70">
        <f>MAX(A$12:A591)+1</f>
        <v>267</v>
      </c>
      <c r="B592" s="45"/>
      <c r="C592" s="91" t="s">
        <v>237</v>
      </c>
      <c r="D592" s="45"/>
      <c r="E592" s="24" t="s">
        <v>125</v>
      </c>
      <c r="F592" s="45"/>
      <c r="G592" s="60">
        <v>0.12</v>
      </c>
      <c r="H592" s="125"/>
      <c r="I592" s="60">
        <v>4.0000000000000036E-3</v>
      </c>
      <c r="J592" s="125"/>
      <c r="K592" s="59">
        <v>0</v>
      </c>
      <c r="L592" s="60"/>
      <c r="M592" s="60">
        <f t="shared" si="92"/>
        <v>0.124</v>
      </c>
      <c r="N592" s="110"/>
      <c r="O592" s="6"/>
      <c r="P592" s="6"/>
      <c r="Q592" s="6"/>
      <c r="R592" s="77"/>
    </row>
    <row r="593" spans="1:31">
      <c r="A593" s="70">
        <f>MAX(A$12:A592)+1</f>
        <v>268</v>
      </c>
      <c r="B593" s="45"/>
      <c r="C593" s="91" t="s">
        <v>238</v>
      </c>
      <c r="D593" s="45"/>
      <c r="E593" s="24" t="s">
        <v>125</v>
      </c>
      <c r="F593" s="45"/>
      <c r="G593" s="60">
        <v>6.6000000000000003E-2</v>
      </c>
      <c r="H593" s="124" t="s">
        <v>226</v>
      </c>
      <c r="I593" s="60">
        <v>1.0000000000000009E-3</v>
      </c>
      <c r="J593" s="125"/>
      <c r="K593" s="59">
        <v>0</v>
      </c>
      <c r="L593" s="60"/>
      <c r="M593" s="60">
        <f t="shared" si="92"/>
        <v>6.7000000000000004E-2</v>
      </c>
      <c r="N593" s="124" t="s">
        <v>226</v>
      </c>
      <c r="O593" s="6"/>
      <c r="P593" s="6"/>
      <c r="Q593" s="6"/>
      <c r="R593" s="77"/>
    </row>
    <row r="594" spans="1:31">
      <c r="A594" s="70">
        <f>MAX(A$12:A593)+1</f>
        <v>269</v>
      </c>
      <c r="B594" s="45"/>
      <c r="C594" s="91" t="s">
        <v>239</v>
      </c>
      <c r="D594" s="45"/>
      <c r="E594" s="24" t="s">
        <v>125</v>
      </c>
      <c r="F594" s="45"/>
      <c r="G594" s="60">
        <v>0.114</v>
      </c>
      <c r="H594" s="124" t="s">
        <v>226</v>
      </c>
      <c r="I594" s="60">
        <v>3.0000000000000027E-3</v>
      </c>
      <c r="J594" s="125"/>
      <c r="K594" s="59">
        <v>0</v>
      </c>
      <c r="L594" s="60"/>
      <c r="M594" s="60">
        <f t="shared" si="92"/>
        <v>0.11700000000000001</v>
      </c>
      <c r="N594" s="124" t="s">
        <v>226</v>
      </c>
      <c r="O594" s="6"/>
      <c r="P594" s="6"/>
      <c r="Q594" s="6"/>
      <c r="R594" s="77"/>
    </row>
    <row r="595" spans="1:31">
      <c r="A595" s="70"/>
      <c r="B595" s="45"/>
      <c r="C595" s="90" t="s">
        <v>240</v>
      </c>
      <c r="D595" s="45"/>
      <c r="E595" s="45"/>
      <c r="F595" s="45"/>
      <c r="G595" s="127"/>
      <c r="H595" s="125"/>
      <c r="I595" s="127"/>
      <c r="J595" s="125"/>
      <c r="K595" s="60"/>
      <c r="L595" s="60"/>
      <c r="M595" s="60"/>
      <c r="N595" s="110"/>
      <c r="O595" s="6"/>
      <c r="P595" s="6"/>
      <c r="Q595" s="6"/>
      <c r="R595" s="77"/>
    </row>
    <row r="596" spans="1:31">
      <c r="A596" s="70">
        <f>MAX(A$12:A595)+1</f>
        <v>270</v>
      </c>
      <c r="B596" s="45"/>
      <c r="C596" s="91" t="s">
        <v>236</v>
      </c>
      <c r="D596" s="45"/>
      <c r="E596" s="24" t="s">
        <v>125</v>
      </c>
      <c r="F596" s="45"/>
      <c r="G596" s="60">
        <v>3.4000000000000002E-2</v>
      </c>
      <c r="H596" s="125"/>
      <c r="I596" s="60">
        <v>3.0000000000000027E-3</v>
      </c>
      <c r="J596" s="125"/>
      <c r="K596" s="59">
        <v>0</v>
      </c>
      <c r="L596" s="60"/>
      <c r="M596" s="60">
        <f t="shared" ref="M596:M599" si="93">G596+I596+K596</f>
        <v>3.7000000000000005E-2</v>
      </c>
      <c r="N596" s="110"/>
      <c r="O596" s="6"/>
      <c r="P596" s="6"/>
      <c r="Q596" s="6"/>
      <c r="R596" s="77"/>
    </row>
    <row r="597" spans="1:31">
      <c r="A597" s="70">
        <f>MAX(A$12:A596)+1</f>
        <v>271</v>
      </c>
      <c r="B597" s="45"/>
      <c r="C597" s="91" t="s">
        <v>237</v>
      </c>
      <c r="D597" s="45"/>
      <c r="E597" s="24" t="s">
        <v>125</v>
      </c>
      <c r="F597" s="45"/>
      <c r="G597" s="60">
        <v>9.1999999999999998E-2</v>
      </c>
      <c r="H597" s="125"/>
      <c r="I597" s="60">
        <v>4.0000000000000036E-3</v>
      </c>
      <c r="J597" s="125"/>
      <c r="K597" s="59">
        <v>0</v>
      </c>
      <c r="L597" s="60"/>
      <c r="M597" s="60">
        <f t="shared" si="93"/>
        <v>9.6000000000000002E-2</v>
      </c>
      <c r="N597" s="110"/>
      <c r="O597" s="6"/>
      <c r="P597" s="6"/>
      <c r="Q597" s="6"/>
      <c r="R597" s="77"/>
    </row>
    <row r="598" spans="1:31">
      <c r="A598" s="70">
        <f>MAX(A$12:A597)+1</f>
        <v>272</v>
      </c>
      <c r="B598" s="45"/>
      <c r="C598" s="91" t="s">
        <v>238</v>
      </c>
      <c r="D598" s="45"/>
      <c r="E598" s="24" t="s">
        <v>125</v>
      </c>
      <c r="F598" s="45"/>
      <c r="G598" s="60">
        <v>2.8000000000000001E-2</v>
      </c>
      <c r="H598" s="124" t="s">
        <v>226</v>
      </c>
      <c r="I598" s="60">
        <v>0</v>
      </c>
      <c r="J598" s="125"/>
      <c r="K598" s="59">
        <v>0</v>
      </c>
      <c r="L598" s="60"/>
      <c r="M598" s="60">
        <f t="shared" si="93"/>
        <v>2.8000000000000001E-2</v>
      </c>
      <c r="N598" s="124" t="s">
        <v>226</v>
      </c>
      <c r="O598" s="6"/>
      <c r="P598" s="6"/>
      <c r="Q598" s="6"/>
      <c r="R598" s="77"/>
    </row>
    <row r="599" spans="1:31">
      <c r="A599" s="70">
        <f>MAX(A$12:A598)+1</f>
        <v>273</v>
      </c>
      <c r="B599" s="45"/>
      <c r="C599" s="91" t="s">
        <v>239</v>
      </c>
      <c r="D599" s="45"/>
      <c r="E599" s="24" t="s">
        <v>125</v>
      </c>
      <c r="F599" s="45"/>
      <c r="G599" s="60">
        <v>7.5999999999999998E-2</v>
      </c>
      <c r="H599" s="124" t="s">
        <v>226</v>
      </c>
      <c r="I599" s="60">
        <v>2.0000000000000018E-3</v>
      </c>
      <c r="J599" s="125"/>
      <c r="K599" s="59">
        <v>0</v>
      </c>
      <c r="L599" s="60"/>
      <c r="M599" s="60">
        <f t="shared" si="93"/>
        <v>7.8E-2</v>
      </c>
      <c r="N599" s="124" t="s">
        <v>226</v>
      </c>
      <c r="O599" s="6"/>
      <c r="P599" s="6"/>
      <c r="Q599" s="6"/>
      <c r="R599" s="77"/>
    </row>
    <row r="600" spans="1:31">
      <c r="A600" s="70"/>
      <c r="B600" s="45"/>
      <c r="C600" s="45"/>
      <c r="D600" s="45"/>
      <c r="E600" s="45"/>
      <c r="F600" s="45"/>
      <c r="G600" s="45"/>
      <c r="H600" s="45"/>
      <c r="I600" s="45"/>
      <c r="J600" s="45"/>
      <c r="K600" s="112"/>
      <c r="L600" s="45"/>
      <c r="M600" s="45"/>
      <c r="N600" s="45"/>
      <c r="O600" s="6"/>
      <c r="P600" s="6"/>
      <c r="Q600" s="6"/>
      <c r="R600" s="77"/>
    </row>
    <row r="601" spans="1:31">
      <c r="A601" s="70"/>
      <c r="B601" s="45"/>
      <c r="C601" s="45"/>
      <c r="D601" s="45"/>
      <c r="E601" s="45"/>
      <c r="F601" s="45"/>
      <c r="G601" s="45"/>
      <c r="H601" s="45"/>
      <c r="I601" s="45"/>
      <c r="J601" s="45"/>
      <c r="K601" s="112"/>
      <c r="L601" s="45"/>
      <c r="M601" s="45"/>
      <c r="N601" s="45"/>
      <c r="O601" s="6"/>
      <c r="P601" s="6"/>
      <c r="Q601" s="6"/>
      <c r="R601" s="77"/>
    </row>
    <row r="602" spans="1:31">
      <c r="A602" s="70"/>
      <c r="B602" s="45"/>
      <c r="C602" s="45"/>
      <c r="D602" s="45"/>
      <c r="E602" s="45"/>
      <c r="F602" s="45"/>
      <c r="G602" s="45"/>
      <c r="H602" s="45"/>
      <c r="I602" s="45"/>
      <c r="J602" s="45"/>
      <c r="K602" s="112"/>
      <c r="L602" s="45"/>
      <c r="M602" s="45"/>
      <c r="N602" s="45"/>
      <c r="O602" s="6"/>
      <c r="P602" s="6"/>
      <c r="Q602" s="6"/>
      <c r="R602" s="77"/>
    </row>
    <row r="603" spans="1:31">
      <c r="A603" s="70"/>
      <c r="B603" s="45"/>
      <c r="C603" s="45"/>
      <c r="D603" s="45"/>
      <c r="E603" s="45"/>
      <c r="F603" s="45"/>
      <c r="G603" s="45"/>
      <c r="H603" s="45"/>
      <c r="I603" s="45"/>
      <c r="J603" s="45"/>
      <c r="K603" s="112"/>
      <c r="L603" s="45"/>
      <c r="M603" s="45"/>
      <c r="N603" s="45"/>
      <c r="O603" s="6"/>
      <c r="P603" s="6"/>
      <c r="Q603" s="6"/>
      <c r="R603" s="77"/>
    </row>
    <row r="604" spans="1:31">
      <c r="A604" s="70"/>
      <c r="B604" s="45"/>
      <c r="C604" s="45"/>
      <c r="D604" s="45"/>
      <c r="E604" s="45"/>
      <c r="F604" s="45"/>
      <c r="G604" s="45"/>
      <c r="H604" s="45"/>
      <c r="I604" s="45"/>
      <c r="J604" s="45"/>
      <c r="K604" s="112"/>
      <c r="L604" s="45"/>
      <c r="M604" s="45"/>
      <c r="N604" s="45"/>
      <c r="O604" s="6"/>
      <c r="P604" s="6"/>
      <c r="Q604" s="6"/>
      <c r="R604" s="77"/>
    </row>
    <row r="605" spans="1:31">
      <c r="A605" s="134"/>
      <c r="B605" s="134"/>
      <c r="C605" s="134"/>
      <c r="D605" s="134"/>
      <c r="E605" s="134"/>
      <c r="F605" s="134"/>
      <c r="G605" s="134"/>
      <c r="H605" s="134"/>
      <c r="I605" s="134"/>
      <c r="J605" s="134"/>
      <c r="K605" s="134"/>
      <c r="L605" s="134"/>
      <c r="M605" s="134"/>
      <c r="N605" s="45"/>
      <c r="O605" s="6"/>
      <c r="P605" s="6"/>
      <c r="Q605" s="6"/>
      <c r="R605" s="77"/>
    </row>
    <row r="606" spans="1:31" ht="12.75" customHeight="1">
      <c r="A606" s="134" t="s">
        <v>52</v>
      </c>
      <c r="B606" s="134"/>
      <c r="C606" s="134"/>
      <c r="D606" s="134"/>
      <c r="E606" s="134"/>
      <c r="F606" s="134"/>
      <c r="G606" s="134"/>
      <c r="H606" s="134"/>
      <c r="I606" s="134"/>
      <c r="J606" s="134"/>
      <c r="K606" s="134"/>
      <c r="L606" s="134"/>
      <c r="M606" s="134"/>
      <c r="P606" s="5"/>
      <c r="R606" s="77"/>
      <c r="S606" s="77"/>
      <c r="Z606" s="72"/>
      <c r="AA606" s="72"/>
      <c r="AB606" s="72"/>
      <c r="AC606" s="72"/>
      <c r="AD606" s="72"/>
      <c r="AE606" s="72"/>
    </row>
    <row r="607" spans="1:31">
      <c r="A607" s="134" t="s">
        <v>199</v>
      </c>
      <c r="B607" s="134"/>
      <c r="C607" s="134"/>
      <c r="D607" s="134"/>
      <c r="E607" s="134"/>
      <c r="F607" s="134"/>
      <c r="G607" s="134"/>
      <c r="H607" s="134"/>
      <c r="I607" s="134"/>
      <c r="J607" s="134"/>
      <c r="K607" s="134"/>
      <c r="L607" s="134"/>
      <c r="M607" s="134"/>
      <c r="N607" s="45"/>
      <c r="O607" s="6"/>
      <c r="P607" s="6"/>
      <c r="Q607" s="6"/>
      <c r="R607" s="77"/>
    </row>
    <row r="608" spans="1:31">
      <c r="A608" s="100"/>
      <c r="B608" s="100"/>
      <c r="C608" s="100"/>
      <c r="D608" s="100"/>
      <c r="E608" s="100"/>
      <c r="F608" s="100"/>
      <c r="G608" s="100"/>
      <c r="H608" s="100"/>
      <c r="I608" s="100"/>
      <c r="J608" s="100"/>
      <c r="K608" s="100"/>
      <c r="L608" s="100"/>
      <c r="M608" s="100"/>
      <c r="N608" s="45"/>
      <c r="O608" s="6"/>
      <c r="P608" s="6"/>
      <c r="Q608" s="6"/>
      <c r="R608" s="77"/>
    </row>
    <row r="609" spans="1:18">
      <c r="A609" s="70"/>
      <c r="B609" s="45"/>
      <c r="C609" s="16"/>
      <c r="D609" s="45"/>
      <c r="E609" s="16"/>
      <c r="F609" s="17"/>
      <c r="G609" s="24" t="s">
        <v>2</v>
      </c>
      <c r="H609" s="11"/>
      <c r="I609" s="11"/>
      <c r="J609" s="11"/>
      <c r="K609" s="102"/>
      <c r="L609" s="12"/>
      <c r="M609" s="102" t="s">
        <v>3</v>
      </c>
      <c r="N609" s="45"/>
      <c r="O609" s="6"/>
      <c r="P609" s="6"/>
      <c r="Q609" s="6"/>
      <c r="R609" s="77"/>
    </row>
    <row r="610" spans="1:18">
      <c r="A610" s="70"/>
      <c r="B610" s="14"/>
      <c r="C610" s="16"/>
      <c r="D610" s="16"/>
      <c r="E610" s="16"/>
      <c r="F610" s="74"/>
      <c r="G610" s="24" t="s">
        <v>4</v>
      </c>
      <c r="H610" s="79"/>
      <c r="I610" s="76" t="s">
        <v>5</v>
      </c>
      <c r="J610" s="13"/>
      <c r="K610" s="102" t="s">
        <v>6</v>
      </c>
      <c r="L610" s="12"/>
      <c r="M610" s="24" t="s">
        <v>4</v>
      </c>
      <c r="N610" s="45"/>
      <c r="O610" s="6"/>
      <c r="P610" s="6"/>
      <c r="Q610" s="6"/>
      <c r="R610" s="77"/>
    </row>
    <row r="611" spans="1:18">
      <c r="A611" s="70" t="s">
        <v>7</v>
      </c>
      <c r="B611" s="14"/>
      <c r="C611" s="16"/>
      <c r="D611" s="16"/>
      <c r="E611" s="17"/>
      <c r="F611" s="14"/>
      <c r="G611" s="76" t="s">
        <v>6</v>
      </c>
      <c r="H611" s="18"/>
      <c r="I611" s="80" t="s">
        <v>8</v>
      </c>
      <c r="J611" s="14"/>
      <c r="K611" s="102" t="s">
        <v>9</v>
      </c>
      <c r="L611" s="12"/>
      <c r="M611" s="103" t="s">
        <v>10</v>
      </c>
      <c r="N611" s="110"/>
      <c r="O611" s="6"/>
      <c r="P611" s="6"/>
      <c r="Q611" s="6"/>
      <c r="R611" s="77"/>
    </row>
    <row r="612" spans="1:18">
      <c r="A612" s="69" t="s">
        <v>11</v>
      </c>
      <c r="B612" s="17"/>
      <c r="C612" s="20" t="s">
        <v>12</v>
      </c>
      <c r="D612" s="16"/>
      <c r="E612" s="21" t="s">
        <v>13</v>
      </c>
      <c r="F612" s="17"/>
      <c r="G612" s="22" t="s">
        <v>14</v>
      </c>
      <c r="H612" s="70"/>
      <c r="I612" s="88" t="s">
        <v>15</v>
      </c>
      <c r="J612" s="14"/>
      <c r="K612" s="22" t="s">
        <v>16</v>
      </c>
      <c r="L612" s="12"/>
      <c r="M612" s="104" t="s">
        <v>17</v>
      </c>
      <c r="N612" s="110"/>
      <c r="O612" s="6"/>
      <c r="P612" s="6"/>
      <c r="Q612" s="6"/>
      <c r="R612" s="77"/>
    </row>
    <row r="613" spans="1:18">
      <c r="A613" s="70"/>
      <c r="B613" s="14"/>
      <c r="C613" s="16"/>
      <c r="D613" s="16"/>
      <c r="E613" s="75"/>
      <c r="F613" s="17"/>
      <c r="G613" s="70" t="s">
        <v>18</v>
      </c>
      <c r="H613" s="70"/>
      <c r="I613" s="76" t="s">
        <v>19</v>
      </c>
      <c r="J613" s="14"/>
      <c r="K613" s="23" t="s">
        <v>20</v>
      </c>
      <c r="L613" s="24"/>
      <c r="M613" s="23" t="s">
        <v>21</v>
      </c>
      <c r="N613" s="110"/>
      <c r="O613" s="6"/>
      <c r="P613" s="6"/>
      <c r="Q613" s="6"/>
      <c r="R613" s="77"/>
    </row>
    <row r="614" spans="1:18">
      <c r="A614" s="70"/>
      <c r="B614" s="45"/>
      <c r="C614" s="106" t="s">
        <v>241</v>
      </c>
      <c r="D614" s="45"/>
      <c r="E614" s="45"/>
      <c r="F614" s="45"/>
      <c r="G614" s="45"/>
      <c r="H614" s="110"/>
      <c r="I614" s="45"/>
      <c r="J614" s="110"/>
      <c r="K614" s="112"/>
      <c r="L614" s="45"/>
      <c r="M614" s="45"/>
      <c r="N614" s="110"/>
      <c r="O614" s="6"/>
      <c r="P614" s="6"/>
      <c r="Q614" s="6"/>
      <c r="R614" s="77"/>
    </row>
    <row r="615" spans="1:18">
      <c r="A615" s="70">
        <f>MAX(A$12:A614)+1</f>
        <v>274</v>
      </c>
      <c r="B615" s="45"/>
      <c r="C615" s="52" t="s">
        <v>230</v>
      </c>
      <c r="D615" s="45"/>
      <c r="E615" s="58" t="s">
        <v>24</v>
      </c>
      <c r="F615" s="45"/>
      <c r="G615" s="27">
        <v>2135.35</v>
      </c>
      <c r="H615" s="110"/>
      <c r="I615" s="27">
        <v>57.579999999999927</v>
      </c>
      <c r="J615" s="110"/>
      <c r="K615" s="59">
        <v>0</v>
      </c>
      <c r="L615" s="45"/>
      <c r="M615" s="27">
        <f t="shared" ref="M615" si="94">G615+I615+K615</f>
        <v>2192.9299999999998</v>
      </c>
      <c r="N615" s="110"/>
      <c r="O615" s="6"/>
      <c r="P615" s="6"/>
      <c r="Q615" s="6"/>
      <c r="R615" s="77"/>
    </row>
    <row r="616" spans="1:18">
      <c r="A616" s="70"/>
      <c r="B616" s="45"/>
      <c r="C616" s="52" t="s">
        <v>242</v>
      </c>
      <c r="D616" s="45"/>
      <c r="E616" s="45"/>
      <c r="F616" s="45"/>
      <c r="G616" s="45"/>
      <c r="H616" s="110"/>
      <c r="I616" s="45"/>
      <c r="J616" s="110"/>
      <c r="K616" s="112"/>
      <c r="L616" s="45"/>
      <c r="M616" s="45"/>
      <c r="N616" s="110"/>
      <c r="O616" s="6"/>
      <c r="P616" s="6"/>
      <c r="Q616" s="6"/>
      <c r="R616" s="77"/>
    </row>
    <row r="617" spans="1:18">
      <c r="A617" s="70"/>
      <c r="B617" s="45"/>
      <c r="C617" s="90" t="s">
        <v>196</v>
      </c>
      <c r="D617" s="45"/>
      <c r="E617" s="45"/>
      <c r="F617" s="45"/>
      <c r="G617" s="45"/>
      <c r="H617" s="110"/>
      <c r="I617" s="45"/>
      <c r="J617" s="110"/>
      <c r="K617" s="112"/>
      <c r="L617" s="45"/>
      <c r="M617" s="45"/>
      <c r="N617" s="110"/>
      <c r="O617" s="6"/>
      <c r="P617" s="6"/>
      <c r="Q617" s="6"/>
      <c r="R617" s="77"/>
    </row>
    <row r="618" spans="1:18">
      <c r="A618" s="70">
        <f>MAX(A$12:A617)+1</f>
        <v>275</v>
      </c>
      <c r="B618" s="45"/>
      <c r="C618" s="91" t="s">
        <v>243</v>
      </c>
      <c r="D618" s="45"/>
      <c r="E618" s="57" t="s">
        <v>123</v>
      </c>
      <c r="F618" s="45"/>
      <c r="G618" s="45">
        <v>4.734</v>
      </c>
      <c r="H618" s="110"/>
      <c r="I618" s="114">
        <v>0.12800000000000011</v>
      </c>
      <c r="J618" s="110"/>
      <c r="K618" s="59">
        <v>0</v>
      </c>
      <c r="L618" s="45"/>
      <c r="M618" s="51">
        <f t="shared" ref="M618:M620" si="95">G618+I618+K618</f>
        <v>4.8620000000000001</v>
      </c>
      <c r="N618" s="110"/>
      <c r="O618" s="6"/>
      <c r="P618" s="6"/>
      <c r="Q618" s="6"/>
      <c r="R618" s="77"/>
    </row>
    <row r="619" spans="1:18">
      <c r="A619" s="70">
        <f>MAX(A$12:A618)+1</f>
        <v>276</v>
      </c>
      <c r="B619" s="45"/>
      <c r="C619" s="91" t="s">
        <v>244</v>
      </c>
      <c r="D619" s="45"/>
      <c r="E619" s="57" t="s">
        <v>123</v>
      </c>
      <c r="F619" s="45"/>
      <c r="G619" s="45">
        <v>2.9039999999999999</v>
      </c>
      <c r="H619" s="110"/>
      <c r="I619" s="114">
        <v>7.8000000000000291E-2</v>
      </c>
      <c r="J619" s="110"/>
      <c r="K619" s="59">
        <v>0</v>
      </c>
      <c r="L619" s="45"/>
      <c r="M619" s="51">
        <f t="shared" si="95"/>
        <v>2.9820000000000002</v>
      </c>
      <c r="N619" s="110"/>
      <c r="O619" s="6"/>
      <c r="P619" s="6"/>
      <c r="Q619" s="6"/>
      <c r="R619" s="77"/>
    </row>
    <row r="620" spans="1:18">
      <c r="A620" s="70">
        <f>MAX(A$12:A619)+1</f>
        <v>277</v>
      </c>
      <c r="B620" s="45"/>
      <c r="C620" s="91" t="s">
        <v>245</v>
      </c>
      <c r="D620" s="45"/>
      <c r="E620" s="57" t="s">
        <v>123</v>
      </c>
      <c r="F620" s="45"/>
      <c r="G620" s="45">
        <v>2.9039999999999999</v>
      </c>
      <c r="H620" s="110"/>
      <c r="I620" s="114">
        <v>7.8000000000000291E-2</v>
      </c>
      <c r="J620" s="110"/>
      <c r="K620" s="59">
        <v>0</v>
      </c>
      <c r="L620" s="45"/>
      <c r="M620" s="51">
        <f t="shared" si="95"/>
        <v>2.9820000000000002</v>
      </c>
      <c r="N620" s="110"/>
      <c r="O620" s="6"/>
      <c r="P620" s="6"/>
      <c r="Q620" s="6"/>
      <c r="R620" s="77"/>
    </row>
    <row r="621" spans="1:18">
      <c r="A621" s="70"/>
      <c r="B621" s="45"/>
      <c r="C621" s="91"/>
      <c r="D621" s="45"/>
      <c r="E621" s="57"/>
      <c r="F621" s="45"/>
      <c r="G621" s="45"/>
      <c r="H621" s="110"/>
      <c r="I621" s="114"/>
      <c r="J621" s="110"/>
      <c r="K621" s="59"/>
      <c r="L621" s="45"/>
      <c r="M621" s="51"/>
      <c r="N621" s="110"/>
      <c r="O621" s="6"/>
      <c r="P621" s="6"/>
      <c r="Q621" s="6"/>
      <c r="R621" s="77"/>
    </row>
    <row r="622" spans="1:18">
      <c r="A622" s="70"/>
      <c r="B622" s="45"/>
      <c r="C622" s="52" t="s">
        <v>212</v>
      </c>
      <c r="D622" s="45"/>
      <c r="E622" s="45"/>
      <c r="F622" s="45"/>
      <c r="G622" s="45"/>
      <c r="H622" s="110"/>
      <c r="I622" s="45"/>
      <c r="J622" s="110"/>
      <c r="K622" s="112"/>
      <c r="L622" s="45"/>
      <c r="M622" s="45"/>
      <c r="N622" s="110"/>
      <c r="O622" s="6"/>
      <c r="P622" s="6"/>
      <c r="Q622" s="6"/>
      <c r="R622" s="77"/>
    </row>
    <row r="623" spans="1:18">
      <c r="A623" s="70">
        <f>MAX(A$12:A622)+1</f>
        <v>278</v>
      </c>
      <c r="B623" s="45"/>
      <c r="C623" s="90" t="s">
        <v>246</v>
      </c>
      <c r="D623" s="45"/>
      <c r="E623" s="24" t="s">
        <v>125</v>
      </c>
      <c r="F623" s="45"/>
      <c r="G623" s="115" t="s">
        <v>214</v>
      </c>
      <c r="H623" s="124" t="s">
        <v>226</v>
      </c>
      <c r="I623" s="115" t="s">
        <v>214</v>
      </c>
      <c r="J623" s="124" t="s">
        <v>226</v>
      </c>
      <c r="K623" s="59">
        <v>0</v>
      </c>
      <c r="L623" s="45"/>
      <c r="M623" s="115" t="s">
        <v>214</v>
      </c>
      <c r="N623" s="124" t="s">
        <v>226</v>
      </c>
      <c r="O623" s="6"/>
      <c r="P623" s="6"/>
      <c r="Q623" s="6"/>
      <c r="R623" s="77"/>
    </row>
    <row r="624" spans="1:18">
      <c r="A624" s="70">
        <f>MAX(A$12:A623)+1</f>
        <v>279</v>
      </c>
      <c r="B624" s="45"/>
      <c r="C624" s="90" t="s">
        <v>247</v>
      </c>
      <c r="D624" s="45"/>
      <c r="E624" s="24" t="s">
        <v>125</v>
      </c>
      <c r="F624" s="45"/>
      <c r="G624" s="115" t="s">
        <v>214</v>
      </c>
      <c r="H624" s="124" t="s">
        <v>226</v>
      </c>
      <c r="I624" s="115" t="s">
        <v>214</v>
      </c>
      <c r="J624" s="124" t="s">
        <v>226</v>
      </c>
      <c r="K624" s="59">
        <v>0</v>
      </c>
      <c r="L624" s="45"/>
      <c r="M624" s="115" t="s">
        <v>214</v>
      </c>
      <c r="N624" s="124" t="s">
        <v>226</v>
      </c>
      <c r="O624" s="6"/>
      <c r="P624" s="6"/>
      <c r="Q624" s="6"/>
      <c r="R624" s="77"/>
    </row>
    <row r="625" spans="1:18">
      <c r="A625" s="70">
        <f>MAX(A$12:A624)+1</f>
        <v>280</v>
      </c>
      <c r="B625" s="45"/>
      <c r="C625" s="90" t="s">
        <v>248</v>
      </c>
      <c r="D625" s="45"/>
      <c r="E625" s="24" t="s">
        <v>125</v>
      </c>
      <c r="F625" s="45"/>
      <c r="G625" s="115" t="s">
        <v>214</v>
      </c>
      <c r="H625" s="124" t="s">
        <v>226</v>
      </c>
      <c r="I625" s="115" t="s">
        <v>214</v>
      </c>
      <c r="J625" s="124" t="s">
        <v>226</v>
      </c>
      <c r="K625" s="59">
        <v>0</v>
      </c>
      <c r="L625" s="45"/>
      <c r="M625" s="115" t="s">
        <v>214</v>
      </c>
      <c r="N625" s="124" t="s">
        <v>226</v>
      </c>
      <c r="O625" s="6"/>
      <c r="P625" s="6"/>
      <c r="Q625" s="6"/>
      <c r="R625" s="77"/>
    </row>
    <row r="626" spans="1:18">
      <c r="A626" s="70">
        <f>MAX(A$12:A625)+1</f>
        <v>281</v>
      </c>
      <c r="B626" s="45"/>
      <c r="C626" s="90" t="s">
        <v>249</v>
      </c>
      <c r="D626" s="45"/>
      <c r="E626" s="24" t="s">
        <v>125</v>
      </c>
      <c r="F626" s="45"/>
      <c r="G626" s="115" t="s">
        <v>214</v>
      </c>
      <c r="H626" s="124" t="s">
        <v>226</v>
      </c>
      <c r="I626" s="115" t="s">
        <v>214</v>
      </c>
      <c r="J626" s="124" t="s">
        <v>226</v>
      </c>
      <c r="K626" s="59">
        <v>0</v>
      </c>
      <c r="L626" s="45"/>
      <c r="M626" s="115" t="s">
        <v>214</v>
      </c>
      <c r="N626" s="124" t="s">
        <v>226</v>
      </c>
      <c r="O626" s="6"/>
      <c r="P626" s="6"/>
      <c r="Q626" s="6"/>
      <c r="R626" s="77"/>
    </row>
    <row r="627" spans="1:18">
      <c r="A627" s="70">
        <f>MAX(A$12:A626)+1</f>
        <v>282</v>
      </c>
      <c r="B627" s="45"/>
      <c r="C627" s="90" t="s">
        <v>250</v>
      </c>
      <c r="D627" s="45"/>
      <c r="E627" s="24" t="s">
        <v>125</v>
      </c>
      <c r="F627" s="45"/>
      <c r="G627" s="115" t="s">
        <v>214</v>
      </c>
      <c r="H627" s="124" t="s">
        <v>226</v>
      </c>
      <c r="I627" s="115" t="s">
        <v>214</v>
      </c>
      <c r="J627" s="124" t="s">
        <v>226</v>
      </c>
      <c r="K627" s="59">
        <v>0</v>
      </c>
      <c r="L627" s="45"/>
      <c r="M627" s="115" t="s">
        <v>214</v>
      </c>
      <c r="N627" s="124" t="s">
        <v>226</v>
      </c>
      <c r="O627" s="6"/>
      <c r="P627" s="6"/>
      <c r="Q627" s="6"/>
      <c r="R627" s="77"/>
    </row>
    <row r="628" spans="1:18">
      <c r="A628" s="70">
        <f>MAX(A$12:A627)+1</f>
        <v>283</v>
      </c>
      <c r="B628" s="45"/>
      <c r="C628" s="90" t="s">
        <v>251</v>
      </c>
      <c r="D628" s="45"/>
      <c r="E628" s="24" t="s">
        <v>125</v>
      </c>
      <c r="F628" s="45"/>
      <c r="G628" s="115" t="s">
        <v>214</v>
      </c>
      <c r="H628" s="124" t="s">
        <v>226</v>
      </c>
      <c r="I628" s="115" t="s">
        <v>214</v>
      </c>
      <c r="J628" s="124" t="s">
        <v>226</v>
      </c>
      <c r="K628" s="59">
        <v>0</v>
      </c>
      <c r="L628" s="45"/>
      <c r="M628" s="115" t="s">
        <v>214</v>
      </c>
      <c r="N628" s="124" t="s">
        <v>226</v>
      </c>
      <c r="O628" s="6"/>
      <c r="P628" s="6"/>
      <c r="Q628" s="6"/>
      <c r="R628" s="77"/>
    </row>
    <row r="629" spans="1:18">
      <c r="A629" s="70"/>
      <c r="B629" s="45"/>
      <c r="C629" s="45"/>
      <c r="D629" s="45"/>
      <c r="E629" s="45"/>
      <c r="F629" s="45"/>
      <c r="G629" s="45"/>
      <c r="H629" s="110"/>
      <c r="I629" s="45"/>
      <c r="J629" s="110"/>
      <c r="K629" s="112"/>
      <c r="L629" s="45"/>
      <c r="M629" s="45"/>
      <c r="N629" s="110"/>
      <c r="O629" s="6"/>
      <c r="P629" s="6"/>
      <c r="Q629" s="6"/>
      <c r="R629" s="77"/>
    </row>
    <row r="630" spans="1:18">
      <c r="A630" s="70"/>
      <c r="B630" s="45"/>
      <c r="C630" s="52" t="s">
        <v>205</v>
      </c>
      <c r="D630" s="45"/>
      <c r="E630" s="45"/>
      <c r="F630" s="45"/>
      <c r="G630" s="45"/>
      <c r="H630" s="110"/>
      <c r="I630" s="45"/>
      <c r="J630" s="110"/>
      <c r="K630" s="112"/>
      <c r="L630" s="45"/>
      <c r="M630" s="45"/>
      <c r="N630" s="110"/>
      <c r="O630" s="6"/>
      <c r="P630" s="6"/>
      <c r="Q630" s="6"/>
      <c r="R630" s="77"/>
    </row>
    <row r="631" spans="1:18">
      <c r="A631" s="70"/>
      <c r="B631" s="45"/>
      <c r="C631" s="128" t="s">
        <v>252</v>
      </c>
      <c r="D631" s="45"/>
      <c r="E631" s="45"/>
      <c r="F631" s="45"/>
      <c r="G631" s="45"/>
      <c r="H631" s="110"/>
      <c r="I631" s="45"/>
      <c r="J631" s="110"/>
      <c r="K631" s="112"/>
      <c r="L631" s="45"/>
      <c r="M631" s="45"/>
      <c r="N631" s="110"/>
      <c r="O631" s="6"/>
      <c r="P631" s="6"/>
      <c r="Q631" s="6"/>
      <c r="R631" s="77"/>
    </row>
    <row r="632" spans="1:18">
      <c r="A632" s="70">
        <f>MAX(A$12:A631)+1</f>
        <v>284</v>
      </c>
      <c r="B632" s="45"/>
      <c r="C632" s="91" t="s">
        <v>246</v>
      </c>
      <c r="D632" s="45"/>
      <c r="E632" s="24" t="s">
        <v>125</v>
      </c>
      <c r="F632" s="45"/>
      <c r="G632" s="45">
        <v>0.156</v>
      </c>
      <c r="H632" s="124" t="s">
        <v>226</v>
      </c>
      <c r="I632" s="114">
        <v>4.0000000000000036E-3</v>
      </c>
      <c r="J632" s="110"/>
      <c r="K632" s="59">
        <v>0</v>
      </c>
      <c r="L632" s="45"/>
      <c r="M632" s="51">
        <f t="shared" ref="M632:M637" si="96">G632+I632+K632</f>
        <v>0.16</v>
      </c>
      <c r="N632" s="124" t="s">
        <v>226</v>
      </c>
      <c r="O632" s="6"/>
      <c r="P632" s="6"/>
      <c r="Q632" s="6"/>
      <c r="R632" s="77"/>
    </row>
    <row r="633" spans="1:18">
      <c r="A633" s="70">
        <f>MAX(A$12:A632)+1</f>
        <v>285</v>
      </c>
      <c r="B633" s="45"/>
      <c r="C633" s="91" t="s">
        <v>247</v>
      </c>
      <c r="D633" s="45"/>
      <c r="E633" s="24" t="s">
        <v>125</v>
      </c>
      <c r="F633" s="45"/>
      <c r="G633" s="45">
        <v>0.156</v>
      </c>
      <c r="H633" s="124" t="s">
        <v>226</v>
      </c>
      <c r="I633" s="114">
        <v>4.0000000000000036E-3</v>
      </c>
      <c r="J633" s="110"/>
      <c r="K633" s="59">
        <v>0</v>
      </c>
      <c r="L633" s="45"/>
      <c r="M633" s="51">
        <f t="shared" si="96"/>
        <v>0.16</v>
      </c>
      <c r="N633" s="124" t="s">
        <v>226</v>
      </c>
      <c r="O633" s="6"/>
      <c r="P633" s="6"/>
      <c r="Q633" s="6"/>
      <c r="R633" s="77"/>
    </row>
    <row r="634" spans="1:18">
      <c r="A634" s="70">
        <f>MAX(A$12:A633)+1</f>
        <v>286</v>
      </c>
      <c r="B634" s="45"/>
      <c r="C634" s="91" t="s">
        <v>248</v>
      </c>
      <c r="D634" s="45"/>
      <c r="E634" s="24" t="s">
        <v>125</v>
      </c>
      <c r="F634" s="45"/>
      <c r="G634" s="45">
        <v>9.5000000000000001E-2</v>
      </c>
      <c r="H634" s="124" t="s">
        <v>226</v>
      </c>
      <c r="I634" s="114">
        <v>3.0000000000000027E-3</v>
      </c>
      <c r="J634" s="110"/>
      <c r="K634" s="59">
        <v>0</v>
      </c>
      <c r="L634" s="45"/>
      <c r="M634" s="51">
        <f t="shared" si="96"/>
        <v>9.8000000000000004E-2</v>
      </c>
      <c r="N634" s="124" t="s">
        <v>226</v>
      </c>
      <c r="O634" s="6"/>
      <c r="P634" s="6"/>
      <c r="Q634" s="6"/>
      <c r="R634" s="77"/>
    </row>
    <row r="635" spans="1:18">
      <c r="A635" s="70">
        <f>MAX(A$12:A634)+1</f>
        <v>287</v>
      </c>
      <c r="B635" s="45"/>
      <c r="C635" s="91" t="s">
        <v>249</v>
      </c>
      <c r="D635" s="45"/>
      <c r="E635" s="24" t="s">
        <v>125</v>
      </c>
      <c r="F635" s="45"/>
      <c r="G635" s="45">
        <v>9.5000000000000001E-2</v>
      </c>
      <c r="H635" s="124" t="s">
        <v>226</v>
      </c>
      <c r="I635" s="114">
        <v>3.0000000000000027E-3</v>
      </c>
      <c r="J635" s="110"/>
      <c r="K635" s="59">
        <v>0</v>
      </c>
      <c r="L635" s="45"/>
      <c r="M635" s="51">
        <f t="shared" si="96"/>
        <v>9.8000000000000004E-2</v>
      </c>
      <c r="N635" s="124" t="s">
        <v>226</v>
      </c>
      <c r="O635" s="6"/>
      <c r="P635" s="6"/>
      <c r="Q635" s="6"/>
      <c r="R635" s="77"/>
    </row>
    <row r="636" spans="1:18">
      <c r="A636" s="70">
        <f>MAX(A$12:A635)+1</f>
        <v>288</v>
      </c>
      <c r="B636" s="45"/>
      <c r="C636" s="91" t="s">
        <v>250</v>
      </c>
      <c r="D636" s="45"/>
      <c r="E636" s="24" t="s">
        <v>125</v>
      </c>
      <c r="F636" s="45"/>
      <c r="G636" s="45">
        <v>9.5000000000000001E-2</v>
      </c>
      <c r="H636" s="124" t="s">
        <v>226</v>
      </c>
      <c r="I636" s="114">
        <v>3.0000000000000027E-3</v>
      </c>
      <c r="J636" s="110"/>
      <c r="K636" s="59">
        <v>0</v>
      </c>
      <c r="L636" s="45"/>
      <c r="M636" s="51">
        <f t="shared" si="96"/>
        <v>9.8000000000000004E-2</v>
      </c>
      <c r="N636" s="124" t="s">
        <v>226</v>
      </c>
      <c r="O636" s="6"/>
      <c r="P636" s="6"/>
      <c r="Q636" s="6"/>
      <c r="R636" s="77"/>
    </row>
    <row r="637" spans="1:18">
      <c r="A637" s="70">
        <f>MAX(A$12:A636)+1</f>
        <v>289</v>
      </c>
      <c r="B637" s="45"/>
      <c r="C637" s="91" t="s">
        <v>251</v>
      </c>
      <c r="D637" s="45"/>
      <c r="E637" s="24" t="s">
        <v>125</v>
      </c>
      <c r="F637" s="45"/>
      <c r="G637" s="45">
        <v>9.5000000000000001E-2</v>
      </c>
      <c r="H637" s="124" t="s">
        <v>226</v>
      </c>
      <c r="I637" s="114">
        <v>3.0000000000000027E-3</v>
      </c>
      <c r="J637" s="110"/>
      <c r="K637" s="59">
        <v>0</v>
      </c>
      <c r="L637" s="45"/>
      <c r="M637" s="51">
        <f t="shared" si="96"/>
        <v>9.8000000000000004E-2</v>
      </c>
      <c r="N637" s="124" t="s">
        <v>226</v>
      </c>
      <c r="O637" s="6"/>
      <c r="P637" s="6"/>
      <c r="Q637" s="6"/>
      <c r="R637" s="77"/>
    </row>
    <row r="638" spans="1:18">
      <c r="A638" s="70"/>
      <c r="B638" s="45"/>
      <c r="C638" s="45"/>
      <c r="D638" s="45"/>
      <c r="E638" s="45"/>
      <c r="F638" s="45"/>
      <c r="G638" s="45"/>
      <c r="H638" s="110"/>
      <c r="I638" s="45"/>
      <c r="J638" s="110"/>
      <c r="K638" s="45"/>
      <c r="L638" s="45"/>
      <c r="M638" s="45"/>
      <c r="N638" s="110"/>
      <c r="O638" s="6"/>
      <c r="P638" s="6"/>
      <c r="Q638" s="6"/>
      <c r="R638" s="77"/>
    </row>
    <row r="639" spans="1:18">
      <c r="A639" s="70"/>
      <c r="B639" s="45"/>
      <c r="C639" s="106" t="s">
        <v>253</v>
      </c>
      <c r="D639" s="45"/>
      <c r="E639" s="45"/>
      <c r="F639" s="45"/>
      <c r="G639" s="45"/>
      <c r="H639" s="110"/>
      <c r="I639" s="45"/>
      <c r="J639" s="110"/>
      <c r="K639" s="45"/>
      <c r="L639" s="45"/>
      <c r="M639" s="45"/>
      <c r="N639" s="110"/>
      <c r="O639" s="6"/>
      <c r="P639" s="6"/>
      <c r="Q639" s="6"/>
      <c r="R639" s="77"/>
    </row>
    <row r="640" spans="1:18">
      <c r="A640" s="70"/>
      <c r="B640" s="45"/>
      <c r="C640" s="53" t="s">
        <v>196</v>
      </c>
      <c r="D640" s="45"/>
      <c r="E640" s="45"/>
      <c r="F640" s="45"/>
      <c r="G640" s="45"/>
      <c r="H640" s="110"/>
      <c r="I640" s="45"/>
      <c r="J640" s="110"/>
      <c r="K640" s="45"/>
      <c r="L640" s="45"/>
      <c r="M640" s="45"/>
      <c r="N640" s="110"/>
      <c r="O640" s="6"/>
      <c r="P640" s="6"/>
      <c r="Q640" s="6"/>
      <c r="R640" s="77"/>
    </row>
    <row r="641" spans="1:18">
      <c r="A641" s="70">
        <f>MAX(A$12:A640)+1</f>
        <v>290</v>
      </c>
      <c r="B641" s="45"/>
      <c r="C641" s="90" t="s">
        <v>220</v>
      </c>
      <c r="D641" s="45"/>
      <c r="E641" s="57" t="s">
        <v>123</v>
      </c>
      <c r="F641" s="45"/>
      <c r="G641" s="114">
        <v>3.76</v>
      </c>
      <c r="H641" s="110"/>
      <c r="I641" s="114">
        <v>0.10400000000000009</v>
      </c>
      <c r="J641" s="110"/>
      <c r="K641" s="59">
        <v>0</v>
      </c>
      <c r="L641" s="45"/>
      <c r="M641" s="51">
        <f t="shared" ref="M641:M649" si="97">G641+I641+K641</f>
        <v>3.8639999999999999</v>
      </c>
      <c r="N641" s="110"/>
      <c r="O641" s="6"/>
      <c r="P641" s="6"/>
      <c r="Q641" s="6"/>
      <c r="R641" s="77"/>
    </row>
    <row r="642" spans="1:18">
      <c r="A642" s="70">
        <f>MAX(A$12:A641)+1</f>
        <v>291</v>
      </c>
      <c r="B642" s="45"/>
      <c r="C642" s="90" t="s">
        <v>208</v>
      </c>
      <c r="D642" s="45"/>
      <c r="E642" s="57" t="s">
        <v>123</v>
      </c>
      <c r="F642" s="45"/>
      <c r="G642" s="114">
        <v>3.19</v>
      </c>
      <c r="H642" s="110"/>
      <c r="I642" s="114">
        <v>9.1000000000000192E-2</v>
      </c>
      <c r="J642" s="110"/>
      <c r="K642" s="59">
        <v>0</v>
      </c>
      <c r="L642" s="45"/>
      <c r="M642" s="51">
        <f t="shared" si="97"/>
        <v>3.2810000000000001</v>
      </c>
      <c r="N642" s="110"/>
      <c r="O642" s="6"/>
      <c r="P642" s="6"/>
      <c r="Q642" s="6"/>
      <c r="R642" s="77"/>
    </row>
    <row r="643" spans="1:18">
      <c r="A643" s="70">
        <f>MAX(A$12:A642)+1</f>
        <v>292</v>
      </c>
      <c r="B643" s="45"/>
      <c r="C643" s="90" t="s">
        <v>209</v>
      </c>
      <c r="D643" s="45"/>
      <c r="E643" s="57" t="s">
        <v>123</v>
      </c>
      <c r="F643" s="45"/>
      <c r="G643" s="114">
        <v>0.56999999999999995</v>
      </c>
      <c r="H643" s="110"/>
      <c r="I643" s="114">
        <v>1.3000000000000012E-2</v>
      </c>
      <c r="J643" s="110"/>
      <c r="K643" s="59">
        <v>0</v>
      </c>
      <c r="L643" s="45"/>
      <c r="M643" s="51">
        <f t="shared" si="97"/>
        <v>0.58299999999999996</v>
      </c>
      <c r="N643" s="110"/>
      <c r="O643" s="6"/>
      <c r="P643" s="6"/>
      <c r="Q643" s="6"/>
      <c r="R643" s="77"/>
    </row>
    <row r="644" spans="1:18">
      <c r="A644" s="70">
        <f>MAX(A$12:A643)+1</f>
        <v>293</v>
      </c>
      <c r="B644" s="45"/>
      <c r="C644" s="90" t="s">
        <v>254</v>
      </c>
      <c r="D644" s="45"/>
      <c r="E644" s="57" t="s">
        <v>123</v>
      </c>
      <c r="F644" s="45"/>
      <c r="G644" s="45">
        <v>0.88800000000000001</v>
      </c>
      <c r="H644" s="110"/>
      <c r="I644" s="114">
        <v>2.0000000000000018E-2</v>
      </c>
      <c r="J644" s="110"/>
      <c r="K644" s="59">
        <v>0</v>
      </c>
      <c r="L644" s="45"/>
      <c r="M644" s="51">
        <f t="shared" si="97"/>
        <v>0.90800000000000003</v>
      </c>
      <c r="N644" s="110"/>
      <c r="O644" s="6"/>
      <c r="P644" s="6"/>
      <c r="Q644" s="6"/>
      <c r="R644" s="77"/>
    </row>
    <row r="645" spans="1:18">
      <c r="A645" s="70">
        <f>MAX(A$12:A644)+1</f>
        <v>294</v>
      </c>
      <c r="B645" s="45"/>
      <c r="C645" s="90" t="s">
        <v>255</v>
      </c>
      <c r="D645" s="45"/>
      <c r="E645" s="57" t="s">
        <v>123</v>
      </c>
      <c r="F645" s="45"/>
      <c r="G645" s="45">
        <v>0.88800000000000001</v>
      </c>
      <c r="H645" s="110"/>
      <c r="I645" s="114">
        <v>2.0000000000000018E-2</v>
      </c>
      <c r="J645" s="110"/>
      <c r="K645" s="59">
        <v>0</v>
      </c>
      <c r="L645" s="45"/>
      <c r="M645" s="51">
        <f t="shared" si="97"/>
        <v>0.90800000000000003</v>
      </c>
      <c r="N645" s="110"/>
      <c r="O645" s="6"/>
      <c r="P645" s="6"/>
      <c r="Q645" s="6"/>
      <c r="R645" s="77"/>
    </row>
    <row r="646" spans="1:18">
      <c r="A646" s="70">
        <f>MAX(A$12:A645)+1</f>
        <v>295</v>
      </c>
      <c r="B646" s="45"/>
      <c r="C646" s="90" t="s">
        <v>256</v>
      </c>
      <c r="D646" s="45"/>
      <c r="E646" s="57" t="s">
        <v>123</v>
      </c>
      <c r="F646" s="45"/>
      <c r="G646" s="45">
        <v>1.5669999999999999</v>
      </c>
      <c r="H646" s="110"/>
      <c r="I646" s="114">
        <v>3.5000000000000142E-2</v>
      </c>
      <c r="J646" s="110"/>
      <c r="K646" s="59">
        <v>0</v>
      </c>
      <c r="L646" s="45"/>
      <c r="M646" s="51">
        <f t="shared" si="97"/>
        <v>1.6020000000000001</v>
      </c>
      <c r="N646" s="110"/>
      <c r="O646" s="6"/>
      <c r="P646" s="6"/>
      <c r="Q646" s="6"/>
      <c r="R646" s="77"/>
    </row>
    <row r="647" spans="1:18">
      <c r="A647" s="70">
        <f>MAX(A$12:A646)+1</f>
        <v>296</v>
      </c>
      <c r="B647" s="45"/>
      <c r="C647" s="90" t="s">
        <v>257</v>
      </c>
      <c r="D647" s="45"/>
      <c r="E647" s="57" t="s">
        <v>123</v>
      </c>
      <c r="F647" s="45"/>
      <c r="G647" s="45">
        <v>2.3260000000000001</v>
      </c>
      <c r="H647" s="110"/>
      <c r="I647" s="114">
        <v>5.7999999999999829E-2</v>
      </c>
      <c r="J647" s="110"/>
      <c r="K647" s="59">
        <v>0</v>
      </c>
      <c r="L647" s="45"/>
      <c r="M647" s="51">
        <f t="shared" si="97"/>
        <v>2.3839999999999999</v>
      </c>
      <c r="N647" s="110"/>
      <c r="O647" s="6"/>
      <c r="P647" s="6"/>
      <c r="Q647" s="6"/>
      <c r="R647" s="77"/>
    </row>
    <row r="648" spans="1:18">
      <c r="A648" s="70">
        <f>MAX(A$12:A647)+1</f>
        <v>297</v>
      </c>
      <c r="B648" s="45"/>
      <c r="C648" s="90" t="s">
        <v>258</v>
      </c>
      <c r="D648" s="45"/>
      <c r="E648" s="57" t="s">
        <v>123</v>
      </c>
      <c r="F648" s="45"/>
      <c r="G648" s="45">
        <v>3.2000000000000001E-2</v>
      </c>
      <c r="H648" s="110"/>
      <c r="I648" s="114">
        <v>1.0000000000000009E-3</v>
      </c>
      <c r="J648" s="110"/>
      <c r="K648" s="59">
        <v>0</v>
      </c>
      <c r="L648" s="45"/>
      <c r="M648" s="51">
        <f t="shared" si="97"/>
        <v>3.3000000000000002E-2</v>
      </c>
      <c r="N648" s="110"/>
      <c r="O648" s="6"/>
      <c r="P648" s="6"/>
      <c r="Q648" s="6"/>
      <c r="R648" s="77"/>
    </row>
    <row r="649" spans="1:18">
      <c r="A649" s="70">
        <f>MAX(A$12:A648)+1</f>
        <v>298</v>
      </c>
      <c r="B649" s="45"/>
      <c r="C649" s="90" t="s">
        <v>259</v>
      </c>
      <c r="D649" s="45"/>
      <c r="E649" s="57" t="s">
        <v>123</v>
      </c>
      <c r="F649" s="45"/>
      <c r="G649" s="45">
        <v>0.152</v>
      </c>
      <c r="H649" s="110"/>
      <c r="I649" s="114">
        <v>4.0000000000000036E-3</v>
      </c>
      <c r="J649" s="110"/>
      <c r="K649" s="59">
        <v>0</v>
      </c>
      <c r="L649" s="45"/>
      <c r="M649" s="51">
        <f t="shared" si="97"/>
        <v>0.156</v>
      </c>
      <c r="N649" s="110"/>
      <c r="O649" s="6"/>
      <c r="P649" s="6"/>
      <c r="Q649" s="6"/>
      <c r="R649" s="77"/>
    </row>
    <row r="650" spans="1:18">
      <c r="A650" s="70"/>
      <c r="B650" s="45"/>
      <c r="C650" s="52"/>
      <c r="D650" s="45"/>
      <c r="E650" s="45"/>
      <c r="F650" s="45"/>
      <c r="G650" s="45"/>
      <c r="H650" s="110"/>
      <c r="I650" s="45"/>
      <c r="J650" s="110"/>
      <c r="K650" s="45"/>
      <c r="L650" s="45"/>
      <c r="M650" s="45"/>
      <c r="N650" s="110"/>
      <c r="O650" s="6"/>
      <c r="P650" s="6"/>
      <c r="Q650" s="6"/>
      <c r="R650" s="77"/>
    </row>
    <row r="651" spans="1:18">
      <c r="A651" s="70">
        <f>MAX(A$12:A650)+1</f>
        <v>299</v>
      </c>
      <c r="B651" s="45"/>
      <c r="C651" s="52" t="s">
        <v>260</v>
      </c>
      <c r="D651" s="45"/>
      <c r="E651" s="24" t="s">
        <v>125</v>
      </c>
      <c r="F651" s="45"/>
      <c r="G651" s="115" t="s">
        <v>214</v>
      </c>
      <c r="H651" s="124" t="s">
        <v>226</v>
      </c>
      <c r="I651" s="115" t="s">
        <v>214</v>
      </c>
      <c r="J651" s="124" t="s">
        <v>226</v>
      </c>
      <c r="K651" s="59">
        <v>0</v>
      </c>
      <c r="L651" s="45"/>
      <c r="M651" s="115" t="s">
        <v>214</v>
      </c>
      <c r="N651" s="124" t="s">
        <v>226</v>
      </c>
      <c r="O651" s="6"/>
      <c r="P651" s="6"/>
      <c r="Q651" s="6"/>
      <c r="R651" s="77"/>
    </row>
    <row r="652" spans="1:18">
      <c r="A652" s="70"/>
      <c r="B652" s="45"/>
      <c r="C652" s="52"/>
      <c r="D652" s="45"/>
      <c r="E652" s="24"/>
      <c r="F652" s="45"/>
      <c r="G652" s="115"/>
      <c r="H652" s="110"/>
      <c r="I652" s="45"/>
      <c r="J652" s="110"/>
      <c r="K652" s="115"/>
      <c r="L652" s="45"/>
      <c r="M652" s="115"/>
      <c r="N652" s="110"/>
      <c r="O652" s="6"/>
      <c r="P652" s="6"/>
      <c r="Q652" s="6"/>
      <c r="R652" s="77"/>
    </row>
    <row r="653" spans="1:18">
      <c r="A653" s="70"/>
      <c r="B653" s="45"/>
      <c r="C653" s="52" t="s">
        <v>205</v>
      </c>
      <c r="D653" s="45"/>
      <c r="E653" s="45"/>
      <c r="F653" s="45"/>
      <c r="G653" s="45"/>
      <c r="H653" s="110"/>
      <c r="I653" s="45"/>
      <c r="J653" s="110"/>
      <c r="K653" s="45"/>
      <c r="L653" s="45"/>
      <c r="M653" s="45"/>
      <c r="N653" s="110"/>
      <c r="O653" s="6"/>
      <c r="P653" s="6"/>
      <c r="Q653" s="6"/>
      <c r="R653" s="77"/>
    </row>
    <row r="654" spans="1:18">
      <c r="A654" s="70">
        <f>MAX(A$12:A653)+1</f>
        <v>300</v>
      </c>
      <c r="B654" s="45"/>
      <c r="C654" s="90" t="s">
        <v>220</v>
      </c>
      <c r="D654" s="45"/>
      <c r="E654" s="24" t="s">
        <v>125</v>
      </c>
      <c r="F654" s="45"/>
      <c r="G654" s="45">
        <v>0.124</v>
      </c>
      <c r="H654" s="124" t="s">
        <v>226</v>
      </c>
      <c r="I654" s="114">
        <v>3.0000000000000027E-3</v>
      </c>
      <c r="J654" s="110"/>
      <c r="K654" s="59">
        <v>0</v>
      </c>
      <c r="L654" s="45"/>
      <c r="M654" s="51">
        <f t="shared" ref="M654:M661" si="98">G654+I654+K654</f>
        <v>0.127</v>
      </c>
      <c r="N654" s="124" t="s">
        <v>226</v>
      </c>
      <c r="O654" s="6"/>
      <c r="Q654" s="1"/>
      <c r="R654" s="77"/>
    </row>
    <row r="655" spans="1:18">
      <c r="A655" s="70">
        <f>MAX(A$12:A654)+1</f>
        <v>301</v>
      </c>
      <c r="B655" s="45"/>
      <c r="C655" s="90" t="s">
        <v>261</v>
      </c>
      <c r="D655" s="45"/>
      <c r="E655" s="24" t="s">
        <v>125</v>
      </c>
      <c r="F655" s="45"/>
      <c r="G655" s="45">
        <v>0.105</v>
      </c>
      <c r="H655" s="124" t="s">
        <v>226</v>
      </c>
      <c r="I655" s="114">
        <v>3.0000000000000027E-3</v>
      </c>
      <c r="J655" s="110"/>
      <c r="K655" s="59">
        <v>0</v>
      </c>
      <c r="L655" s="45"/>
      <c r="M655" s="51">
        <f t="shared" si="98"/>
        <v>0.108</v>
      </c>
      <c r="N655" s="124" t="s">
        <v>226</v>
      </c>
      <c r="O655" s="6"/>
      <c r="Q655" s="1"/>
      <c r="R655" s="77"/>
    </row>
    <row r="656" spans="1:18">
      <c r="A656" s="70">
        <f>MAX(A$12:A655)+1</f>
        <v>302</v>
      </c>
      <c r="B656" s="45"/>
      <c r="C656" s="90" t="s">
        <v>209</v>
      </c>
      <c r="D656" s="45"/>
      <c r="E656" s="24" t="s">
        <v>125</v>
      </c>
      <c r="F656" s="45"/>
      <c r="G656" s="45">
        <v>1.9E-2</v>
      </c>
      <c r="H656" s="124" t="s">
        <v>226</v>
      </c>
      <c r="I656" s="59">
        <v>0</v>
      </c>
      <c r="J656" s="110"/>
      <c r="K656" s="59">
        <v>0</v>
      </c>
      <c r="L656" s="45"/>
      <c r="M656" s="51">
        <f t="shared" si="98"/>
        <v>1.9E-2</v>
      </c>
      <c r="N656" s="124" t="s">
        <v>226</v>
      </c>
      <c r="O656" s="6"/>
      <c r="Q656" s="1"/>
      <c r="R656" s="77"/>
    </row>
    <row r="657" spans="1:18">
      <c r="A657" s="70">
        <f>MAX(A$12:A656)+1</f>
        <v>303</v>
      </c>
      <c r="B657" s="45"/>
      <c r="C657" s="90" t="s">
        <v>262</v>
      </c>
      <c r="D657" s="45"/>
      <c r="E657" s="24" t="s">
        <v>125</v>
      </c>
      <c r="F657" s="45"/>
      <c r="G657" s="45">
        <v>5.1999999999999998E-2</v>
      </c>
      <c r="H657" s="124" t="s">
        <v>226</v>
      </c>
      <c r="I657" s="114">
        <v>1.0000000000000009E-3</v>
      </c>
      <c r="J657" s="110"/>
      <c r="K657" s="59">
        <v>0</v>
      </c>
      <c r="L657" s="45"/>
      <c r="M657" s="51">
        <f t="shared" si="98"/>
        <v>5.2999999999999999E-2</v>
      </c>
      <c r="N657" s="124" t="s">
        <v>226</v>
      </c>
      <c r="O657" s="6"/>
      <c r="Q657" s="1"/>
      <c r="R657" s="77"/>
    </row>
    <row r="658" spans="1:18">
      <c r="A658" s="70">
        <f>MAX(A$12:A657)+1</f>
        <v>304</v>
      </c>
      <c r="B658" s="45"/>
      <c r="C658" s="90" t="s">
        <v>263</v>
      </c>
      <c r="D658" s="45"/>
      <c r="E658" s="24" t="s">
        <v>125</v>
      </c>
      <c r="F658" s="45"/>
      <c r="G658" s="45">
        <v>0.124</v>
      </c>
      <c r="H658" s="124" t="s">
        <v>226</v>
      </c>
      <c r="I658" s="114">
        <v>3.0000000000000027E-3</v>
      </c>
      <c r="J658" s="110"/>
      <c r="K658" s="59">
        <v>0</v>
      </c>
      <c r="L658" s="45"/>
      <c r="M658" s="51">
        <f t="shared" si="98"/>
        <v>0.127</v>
      </c>
      <c r="N658" s="124" t="s">
        <v>226</v>
      </c>
      <c r="O658" s="6"/>
      <c r="Q658" s="1"/>
      <c r="R658" s="77"/>
    </row>
    <row r="659" spans="1:18">
      <c r="A659" s="70">
        <f>MAX(A$12:A658)+1</f>
        <v>305</v>
      </c>
      <c r="B659" s="45"/>
      <c r="C659" s="90" t="s">
        <v>257</v>
      </c>
      <c r="D659" s="45"/>
      <c r="E659" s="24" t="s">
        <v>125</v>
      </c>
      <c r="F659" s="45"/>
      <c r="G659" s="45">
        <v>7.5999999999999998E-2</v>
      </c>
      <c r="H659" s="124" t="s">
        <v>226</v>
      </c>
      <c r="I659" s="114">
        <v>2.0000000000000018E-3</v>
      </c>
      <c r="J659" s="110"/>
      <c r="K659" s="59">
        <v>0</v>
      </c>
      <c r="L659" s="45"/>
      <c r="M659" s="51">
        <f t="shared" si="98"/>
        <v>7.8E-2</v>
      </c>
      <c r="N659" s="124" t="s">
        <v>226</v>
      </c>
      <c r="O659" s="6"/>
      <c r="Q659" s="1"/>
      <c r="R659" s="77"/>
    </row>
    <row r="660" spans="1:18">
      <c r="A660" s="70">
        <f>MAX(A$12:A659)+1</f>
        <v>306</v>
      </c>
      <c r="B660" s="45"/>
      <c r="C660" s="90" t="s">
        <v>258</v>
      </c>
      <c r="D660" s="45"/>
      <c r="E660" s="24" t="s">
        <v>125</v>
      </c>
      <c r="F660" s="45"/>
      <c r="G660" s="45">
        <v>1E-3</v>
      </c>
      <c r="H660" s="124" t="s">
        <v>226</v>
      </c>
      <c r="I660" s="59">
        <v>0</v>
      </c>
      <c r="J660" s="110"/>
      <c r="K660" s="59">
        <v>0</v>
      </c>
      <c r="L660" s="45"/>
      <c r="M660" s="51">
        <f t="shared" si="98"/>
        <v>1E-3</v>
      </c>
      <c r="N660" s="124" t="s">
        <v>226</v>
      </c>
      <c r="O660" s="6"/>
      <c r="Q660" s="1"/>
      <c r="R660" s="77"/>
    </row>
    <row r="661" spans="1:18">
      <c r="A661" s="70">
        <f>MAX(A$12:A660)+1</f>
        <v>307</v>
      </c>
      <c r="B661" s="45"/>
      <c r="C661" s="90" t="s">
        <v>259</v>
      </c>
      <c r="D661" s="45"/>
      <c r="E661" s="24" t="s">
        <v>125</v>
      </c>
      <c r="F661" s="45"/>
      <c r="G661" s="45">
        <v>5.0000000000000001E-3</v>
      </c>
      <c r="H661" s="124" t="s">
        <v>226</v>
      </c>
      <c r="I661" s="59">
        <v>0</v>
      </c>
      <c r="J661" s="110"/>
      <c r="K661" s="59">
        <v>0</v>
      </c>
      <c r="L661" s="45"/>
      <c r="M661" s="51">
        <f t="shared" si="98"/>
        <v>5.0000000000000001E-3</v>
      </c>
      <c r="N661" s="124" t="s">
        <v>226</v>
      </c>
      <c r="O661" s="6"/>
      <c r="Q661" s="1"/>
      <c r="R661" s="77"/>
    </row>
    <row r="662" spans="1:18">
      <c r="A662" s="70"/>
      <c r="B662" s="45"/>
      <c r="C662" s="45"/>
      <c r="D662" s="45"/>
      <c r="E662" s="45"/>
      <c r="F662" s="45"/>
      <c r="G662" s="45"/>
      <c r="H662" s="45"/>
      <c r="I662" s="45"/>
      <c r="J662" s="110"/>
      <c r="K662" s="45"/>
      <c r="L662" s="45"/>
      <c r="M662" s="45"/>
      <c r="N662" s="110"/>
      <c r="O662" s="6"/>
      <c r="P662" s="6"/>
      <c r="Q662" s="6"/>
      <c r="R662" s="77"/>
    </row>
    <row r="663" spans="1:18">
      <c r="A663" s="70"/>
      <c r="B663" s="45"/>
      <c r="C663" s="45"/>
      <c r="D663" s="45"/>
      <c r="E663" s="45"/>
      <c r="F663" s="45"/>
      <c r="G663" s="123"/>
      <c r="H663" s="45"/>
      <c r="I663" s="123"/>
      <c r="J663" s="45"/>
      <c r="K663" s="45"/>
      <c r="L663" s="45"/>
      <c r="M663" s="123"/>
      <c r="N663" s="110"/>
      <c r="O663" s="6"/>
      <c r="P663" s="6"/>
      <c r="Q663" s="6"/>
      <c r="R663" s="77"/>
    </row>
    <row r="664" spans="1:18">
      <c r="A664" s="98" t="s">
        <v>264</v>
      </c>
      <c r="B664" s="45"/>
      <c r="C664" s="45"/>
      <c r="D664" s="45"/>
      <c r="E664" s="45"/>
      <c r="F664" s="45"/>
      <c r="G664" s="45"/>
      <c r="H664" s="45"/>
      <c r="I664" s="45"/>
      <c r="J664" s="45"/>
      <c r="K664" s="45"/>
      <c r="L664" s="45"/>
      <c r="M664" s="45"/>
      <c r="N664" s="45"/>
      <c r="O664" s="6"/>
      <c r="P664" s="6"/>
      <c r="Q664" s="6"/>
      <c r="R664" s="77"/>
    </row>
    <row r="665" spans="1:18">
      <c r="A665" s="124" t="s">
        <v>265</v>
      </c>
      <c r="B665" s="129"/>
      <c r="C665" s="45" t="s">
        <v>266</v>
      </c>
      <c r="D665" s="45"/>
      <c r="E665" s="45"/>
      <c r="F665" s="45"/>
      <c r="G665" s="45"/>
      <c r="H665" s="45"/>
      <c r="I665" s="45"/>
      <c r="J665" s="45"/>
      <c r="K665" s="45"/>
      <c r="L665" s="45"/>
      <c r="M665" s="45"/>
      <c r="N665" s="45"/>
      <c r="O665" s="6"/>
      <c r="P665" s="6"/>
      <c r="Q665" s="6"/>
      <c r="R665" s="77"/>
    </row>
    <row r="666" spans="1:18">
      <c r="A666" s="124" t="s">
        <v>267</v>
      </c>
      <c r="B666" s="129"/>
      <c r="C666" s="45" t="s">
        <v>268</v>
      </c>
      <c r="D666" s="45"/>
      <c r="E666" s="45"/>
      <c r="F666" s="45"/>
      <c r="G666" s="45"/>
      <c r="H666" s="45"/>
      <c r="I666" s="45"/>
      <c r="J666" s="45"/>
      <c r="K666" s="45"/>
      <c r="L666" s="45"/>
      <c r="M666" s="45"/>
      <c r="N666" s="45"/>
      <c r="O666" s="6"/>
      <c r="P666" s="6"/>
      <c r="Q666" s="6"/>
      <c r="R666" s="77"/>
    </row>
    <row r="667" spans="1:18">
      <c r="A667" s="76" t="s">
        <v>215</v>
      </c>
      <c r="B667" s="45"/>
      <c r="C667" s="123" t="s">
        <v>269</v>
      </c>
      <c r="D667" s="45"/>
      <c r="E667" s="45"/>
      <c r="F667" s="45"/>
      <c r="G667" s="45"/>
      <c r="H667" s="45"/>
      <c r="I667" s="45"/>
      <c r="J667" s="45"/>
      <c r="K667" s="45"/>
      <c r="L667" s="45"/>
      <c r="M667" s="45"/>
      <c r="N667" s="45"/>
      <c r="O667" s="6"/>
      <c r="P667" s="6"/>
      <c r="Q667" s="6"/>
      <c r="R667" s="77"/>
    </row>
    <row r="668" spans="1:18">
      <c r="A668" s="76" t="s">
        <v>226</v>
      </c>
      <c r="B668" s="45"/>
      <c r="C668" s="45" t="s">
        <v>270</v>
      </c>
      <c r="D668" s="45"/>
      <c r="E668" s="45"/>
      <c r="F668" s="45"/>
      <c r="G668" s="45"/>
      <c r="H668" s="45"/>
      <c r="I668" s="45"/>
      <c r="J668" s="45"/>
      <c r="K668" s="45"/>
      <c r="L668" s="45"/>
      <c r="M668" s="45"/>
      <c r="N668" s="45"/>
      <c r="O668" s="6"/>
      <c r="P668" s="6"/>
      <c r="Q668" s="6"/>
      <c r="R668" s="77"/>
    </row>
    <row r="669" spans="1:18">
      <c r="A669" s="70"/>
      <c r="B669" s="45"/>
      <c r="C669" s="45"/>
      <c r="D669" s="45"/>
      <c r="E669" s="45"/>
      <c r="F669" s="45"/>
      <c r="G669" s="45"/>
      <c r="H669" s="45"/>
      <c r="I669" s="45"/>
      <c r="J669" s="45"/>
      <c r="K669" s="45"/>
      <c r="L669" s="45"/>
      <c r="M669" s="45"/>
      <c r="N669" s="45"/>
      <c r="O669" s="6"/>
      <c r="P669" s="6"/>
      <c r="Q669" s="6"/>
      <c r="R669" s="77"/>
    </row>
    <row r="670" spans="1:18">
      <c r="A670" s="70"/>
      <c r="B670" s="6"/>
      <c r="C670" s="6"/>
      <c r="D670" s="6"/>
      <c r="E670" s="6"/>
      <c r="F670" s="43"/>
      <c r="G670" s="6"/>
      <c r="H670" s="43"/>
      <c r="I670" s="6"/>
      <c r="J670" s="43"/>
      <c r="K670" s="6"/>
      <c r="L670" s="43"/>
      <c r="M670" s="6"/>
      <c r="N670" s="43"/>
      <c r="O670" s="6"/>
      <c r="P670" s="6"/>
      <c r="Q670" s="6"/>
    </row>
    <row r="671" spans="1:18">
      <c r="A671" s="70"/>
      <c r="B671" s="6"/>
      <c r="C671" s="6"/>
      <c r="D671" s="6"/>
      <c r="E671" s="6"/>
      <c r="F671" s="43"/>
      <c r="G671" s="6"/>
      <c r="H671" s="43"/>
      <c r="I671" s="6"/>
      <c r="J671" s="43"/>
      <c r="K671" s="6"/>
      <c r="L671" s="43"/>
      <c r="M671" s="6"/>
      <c r="N671" s="43"/>
      <c r="O671" s="6"/>
      <c r="P671" s="6"/>
      <c r="Q671" s="6"/>
    </row>
    <row r="672" spans="1:18">
      <c r="A672" s="70"/>
      <c r="B672" s="6"/>
      <c r="C672" s="6"/>
      <c r="D672" s="6"/>
      <c r="E672" s="6"/>
      <c r="F672" s="43"/>
      <c r="G672" s="6"/>
      <c r="H672" s="43"/>
      <c r="I672" s="6"/>
      <c r="J672" s="43"/>
      <c r="K672" s="6"/>
      <c r="L672" s="43"/>
      <c r="M672" s="6"/>
      <c r="N672" s="43"/>
      <c r="O672" s="6"/>
      <c r="P672" s="6"/>
      <c r="Q672" s="6"/>
    </row>
    <row r="673" spans="1:17">
      <c r="A673" s="70"/>
      <c r="B673" s="6"/>
      <c r="C673" s="6"/>
      <c r="D673" s="6"/>
      <c r="E673" s="6"/>
      <c r="F673" s="43"/>
      <c r="G673" s="6"/>
      <c r="H673" s="43"/>
      <c r="I673" s="6"/>
      <c r="J673" s="43"/>
      <c r="K673" s="6"/>
      <c r="L673" s="43"/>
      <c r="M673" s="6"/>
      <c r="N673" s="43"/>
      <c r="O673" s="6"/>
      <c r="P673" s="6"/>
      <c r="Q673" s="6"/>
    </row>
    <row r="674" spans="1:17">
      <c r="A674" s="70"/>
      <c r="B674" s="6"/>
      <c r="C674" s="6"/>
      <c r="D674" s="6"/>
      <c r="E674" s="6"/>
      <c r="F674" s="43"/>
      <c r="G674" s="6"/>
      <c r="H674" s="43"/>
      <c r="I674" s="6"/>
      <c r="J674" s="43"/>
      <c r="K674" s="6"/>
      <c r="L674" s="43"/>
      <c r="M674" s="6"/>
      <c r="N674" s="43"/>
      <c r="O674" s="6"/>
      <c r="P674" s="6"/>
      <c r="Q674" s="6"/>
    </row>
    <row r="675" spans="1:17">
      <c r="A675" s="70"/>
      <c r="B675" s="6"/>
      <c r="C675" s="6"/>
      <c r="D675" s="6"/>
      <c r="E675" s="6"/>
      <c r="F675" s="43"/>
      <c r="G675" s="6"/>
      <c r="H675" s="43"/>
      <c r="I675" s="6"/>
      <c r="J675" s="43"/>
      <c r="K675" s="6"/>
      <c r="L675" s="43"/>
      <c r="M675" s="6"/>
      <c r="N675" s="43"/>
      <c r="O675" s="6"/>
      <c r="P675" s="6"/>
      <c r="Q675" s="6"/>
    </row>
    <row r="676" spans="1:17">
      <c r="A676" s="70"/>
      <c r="B676" s="6"/>
      <c r="C676" s="6"/>
      <c r="D676" s="6"/>
      <c r="E676" s="6"/>
      <c r="F676" s="43"/>
      <c r="G676" s="6"/>
      <c r="H676" s="43"/>
      <c r="I676" s="6"/>
      <c r="J676" s="43"/>
      <c r="K676" s="6"/>
      <c r="L676" s="43"/>
      <c r="M676" s="6"/>
      <c r="N676" s="43"/>
      <c r="O676" s="6"/>
      <c r="P676" s="6"/>
      <c r="Q676" s="6"/>
    </row>
    <row r="677" spans="1:17">
      <c r="A677" s="70"/>
      <c r="B677" s="6"/>
      <c r="C677" s="6"/>
      <c r="D677" s="6"/>
      <c r="E677" s="6"/>
      <c r="F677" s="43"/>
      <c r="G677" s="6"/>
      <c r="H677" s="43"/>
      <c r="I677" s="6"/>
      <c r="J677" s="43"/>
      <c r="K677" s="6"/>
      <c r="L677" s="43"/>
      <c r="M677" s="6"/>
      <c r="N677" s="43"/>
      <c r="O677" s="6"/>
      <c r="P677" s="6"/>
      <c r="Q677" s="6"/>
    </row>
    <row r="678" spans="1:17">
      <c r="A678" s="70"/>
      <c r="B678" s="6"/>
      <c r="C678" s="6"/>
      <c r="D678" s="6"/>
      <c r="E678" s="6"/>
      <c r="F678" s="43"/>
      <c r="G678" s="6"/>
      <c r="H678" s="43"/>
      <c r="I678" s="6"/>
      <c r="J678" s="43"/>
      <c r="K678" s="6"/>
      <c r="L678" s="43"/>
      <c r="M678" s="6"/>
      <c r="N678" s="43"/>
      <c r="O678" s="6"/>
      <c r="P678" s="6"/>
      <c r="Q678" s="6"/>
    </row>
    <row r="679" spans="1:17">
      <c r="A679" s="70"/>
      <c r="B679" s="6"/>
      <c r="C679" s="6"/>
      <c r="D679" s="6"/>
      <c r="E679" s="6"/>
      <c r="F679" s="43"/>
      <c r="G679" s="6"/>
      <c r="H679" s="43"/>
      <c r="I679" s="6"/>
      <c r="J679" s="43"/>
      <c r="K679" s="6"/>
      <c r="L679" s="43"/>
      <c r="M679" s="6"/>
      <c r="N679" s="43"/>
      <c r="O679" s="6"/>
      <c r="P679" s="6"/>
      <c r="Q679" s="6"/>
    </row>
    <row r="680" spans="1:17">
      <c r="A680" s="70"/>
      <c r="B680" s="6"/>
      <c r="C680" s="6"/>
      <c r="D680" s="6"/>
      <c r="E680" s="6"/>
      <c r="F680" s="43"/>
      <c r="G680" s="6"/>
      <c r="H680" s="43"/>
      <c r="I680" s="6"/>
      <c r="J680" s="43"/>
      <c r="K680" s="6"/>
      <c r="L680" s="43"/>
      <c r="M680" s="6"/>
      <c r="N680" s="43"/>
      <c r="O680" s="6"/>
      <c r="P680" s="6"/>
      <c r="Q680" s="6"/>
    </row>
    <row r="681" spans="1:17">
      <c r="A681" s="70"/>
      <c r="B681" s="6"/>
      <c r="C681" s="6"/>
      <c r="D681" s="6"/>
      <c r="E681" s="6"/>
      <c r="F681" s="43"/>
      <c r="G681" s="6"/>
      <c r="H681" s="43"/>
      <c r="I681" s="6"/>
      <c r="J681" s="43"/>
      <c r="K681" s="6"/>
      <c r="L681" s="43"/>
      <c r="M681" s="6"/>
      <c r="N681" s="43"/>
      <c r="O681" s="6"/>
      <c r="P681" s="6"/>
      <c r="Q681" s="6"/>
    </row>
    <row r="682" spans="1:17">
      <c r="A682" s="70"/>
      <c r="B682" s="6"/>
      <c r="C682" s="6"/>
      <c r="D682" s="6"/>
      <c r="E682" s="6"/>
      <c r="F682" s="43"/>
      <c r="G682" s="6"/>
      <c r="H682" s="43"/>
      <c r="I682" s="6"/>
      <c r="J682" s="43"/>
      <c r="K682" s="6"/>
      <c r="L682" s="43"/>
      <c r="M682" s="6"/>
      <c r="N682" s="43"/>
      <c r="O682" s="6"/>
      <c r="P682" s="6"/>
      <c r="Q682" s="6"/>
    </row>
    <row r="683" spans="1:17">
      <c r="A683" s="70"/>
      <c r="B683" s="6"/>
      <c r="C683" s="6"/>
      <c r="D683" s="6"/>
      <c r="E683" s="6"/>
      <c r="F683" s="43"/>
      <c r="G683" s="6"/>
      <c r="H683" s="43"/>
      <c r="I683" s="6"/>
      <c r="J683" s="43"/>
      <c r="K683" s="6"/>
      <c r="L683" s="43"/>
      <c r="M683" s="6"/>
      <c r="N683" s="43"/>
      <c r="O683" s="6"/>
      <c r="P683" s="6"/>
      <c r="Q683" s="6"/>
    </row>
    <row r="684" spans="1:17">
      <c r="A684" s="70"/>
      <c r="B684" s="6"/>
      <c r="C684" s="6"/>
      <c r="D684" s="6"/>
      <c r="E684" s="6"/>
      <c r="F684" s="43"/>
      <c r="G684" s="6"/>
      <c r="H684" s="43"/>
      <c r="I684" s="6"/>
      <c r="J684" s="43"/>
      <c r="K684" s="6"/>
      <c r="L684" s="43"/>
      <c r="M684" s="6"/>
      <c r="N684" s="43"/>
      <c r="O684" s="6"/>
      <c r="P684" s="6"/>
      <c r="Q684" s="6"/>
    </row>
    <row r="685" spans="1:17">
      <c r="A685" s="70"/>
      <c r="B685" s="6"/>
      <c r="C685" s="6"/>
      <c r="D685" s="6"/>
      <c r="E685" s="6"/>
      <c r="F685" s="43"/>
      <c r="G685" s="6"/>
      <c r="H685" s="43"/>
      <c r="I685" s="6"/>
      <c r="J685" s="43"/>
      <c r="K685" s="6"/>
      <c r="L685" s="43"/>
      <c r="M685" s="6"/>
      <c r="N685" s="43"/>
      <c r="O685" s="6"/>
      <c r="P685" s="6"/>
      <c r="Q685" s="6"/>
    </row>
    <row r="686" spans="1:17">
      <c r="A686" s="70"/>
      <c r="B686" s="6"/>
      <c r="C686" s="6"/>
      <c r="D686" s="6"/>
      <c r="E686" s="6"/>
      <c r="F686" s="43"/>
      <c r="G686" s="6"/>
      <c r="H686" s="43"/>
      <c r="I686" s="6"/>
      <c r="J686" s="43"/>
      <c r="K686" s="6"/>
      <c r="L686" s="43"/>
      <c r="M686" s="6"/>
      <c r="N686" s="43"/>
      <c r="O686" s="6"/>
      <c r="P686" s="6"/>
      <c r="Q686" s="6"/>
    </row>
    <row r="687" spans="1:17">
      <c r="A687" s="70"/>
      <c r="B687" s="6"/>
      <c r="C687" s="6"/>
      <c r="D687" s="6"/>
      <c r="E687" s="6"/>
      <c r="F687" s="43"/>
      <c r="G687" s="6"/>
      <c r="H687" s="43"/>
      <c r="I687" s="6"/>
      <c r="J687" s="43"/>
      <c r="K687" s="6"/>
      <c r="L687" s="43"/>
      <c r="M687" s="6"/>
      <c r="N687" s="43"/>
      <c r="O687" s="6"/>
      <c r="P687" s="6"/>
      <c r="Q687" s="6"/>
    </row>
    <row r="688" spans="1:17">
      <c r="A688" s="70"/>
      <c r="B688" s="6"/>
      <c r="C688" s="6"/>
      <c r="D688" s="6"/>
      <c r="E688" s="6"/>
      <c r="F688" s="43"/>
      <c r="G688" s="6"/>
      <c r="H688" s="43"/>
      <c r="I688" s="6"/>
      <c r="J688" s="43"/>
      <c r="K688" s="6"/>
      <c r="L688" s="43"/>
      <c r="M688" s="6"/>
      <c r="N688" s="43"/>
      <c r="O688" s="6"/>
      <c r="P688" s="6"/>
      <c r="Q688" s="6"/>
    </row>
    <row r="689" spans="1:17">
      <c r="A689" s="70"/>
      <c r="B689" s="6"/>
      <c r="C689" s="6"/>
      <c r="D689" s="6"/>
      <c r="E689" s="6"/>
      <c r="F689" s="43"/>
      <c r="G689" s="6"/>
      <c r="H689" s="43"/>
      <c r="I689" s="6"/>
      <c r="J689" s="43"/>
      <c r="K689" s="6"/>
      <c r="L689" s="43"/>
      <c r="M689" s="6"/>
      <c r="N689" s="43"/>
      <c r="O689" s="6"/>
      <c r="P689" s="6"/>
      <c r="Q689" s="6"/>
    </row>
    <row r="690" spans="1:17">
      <c r="A690" s="70"/>
      <c r="B690" s="6"/>
      <c r="C690" s="6"/>
      <c r="D690" s="6"/>
      <c r="E690" s="6"/>
      <c r="F690" s="43"/>
      <c r="G690" s="6"/>
      <c r="H690" s="43"/>
      <c r="I690" s="6"/>
      <c r="J690" s="43"/>
      <c r="K690" s="6"/>
      <c r="L690" s="43"/>
      <c r="M690" s="6"/>
      <c r="N690" s="43"/>
      <c r="O690" s="6"/>
      <c r="P690" s="6"/>
      <c r="Q690" s="6"/>
    </row>
    <row r="691" spans="1:17">
      <c r="A691" s="70"/>
      <c r="B691" s="6"/>
      <c r="C691" s="6"/>
      <c r="D691" s="6"/>
      <c r="E691" s="6"/>
      <c r="F691" s="43"/>
      <c r="G691" s="6"/>
      <c r="H691" s="43"/>
      <c r="I691" s="6"/>
      <c r="J691" s="43"/>
      <c r="K691" s="6"/>
      <c r="L691" s="43"/>
      <c r="M691" s="6"/>
      <c r="N691" s="43"/>
      <c r="O691" s="6"/>
      <c r="P691" s="6"/>
      <c r="Q691" s="6"/>
    </row>
    <row r="692" spans="1:17">
      <c r="A692" s="70"/>
      <c r="B692" s="6"/>
      <c r="C692" s="6"/>
      <c r="D692" s="6"/>
      <c r="E692" s="6"/>
      <c r="F692" s="43"/>
      <c r="G692" s="6"/>
      <c r="H692" s="43"/>
      <c r="I692" s="6"/>
      <c r="J692" s="43"/>
      <c r="K692" s="6"/>
      <c r="L692" s="43"/>
      <c r="M692" s="6"/>
      <c r="N692" s="43"/>
      <c r="O692" s="6"/>
      <c r="P692" s="6"/>
      <c r="Q692" s="6"/>
    </row>
    <row r="693" spans="1:17">
      <c r="A693" s="70"/>
      <c r="B693" s="6"/>
      <c r="C693" s="6"/>
      <c r="D693" s="6"/>
      <c r="E693" s="6"/>
      <c r="F693" s="43"/>
      <c r="G693" s="6"/>
      <c r="H693" s="43"/>
      <c r="I693" s="6"/>
      <c r="J693" s="43"/>
      <c r="K693" s="6"/>
      <c r="L693" s="43"/>
      <c r="M693" s="6"/>
      <c r="N693" s="43"/>
      <c r="O693" s="6"/>
      <c r="P693" s="6"/>
      <c r="Q693" s="6"/>
    </row>
    <row r="694" spans="1:17">
      <c r="A694" s="70"/>
      <c r="B694" s="6"/>
      <c r="C694" s="6"/>
      <c r="D694" s="6"/>
      <c r="E694" s="6"/>
      <c r="F694" s="43"/>
      <c r="G694" s="6"/>
      <c r="H694" s="43"/>
      <c r="I694" s="6"/>
      <c r="J694" s="43"/>
      <c r="K694" s="6"/>
      <c r="L694" s="43"/>
      <c r="M694" s="6"/>
      <c r="N694" s="43"/>
      <c r="O694" s="6"/>
      <c r="P694" s="6"/>
      <c r="Q694" s="6"/>
    </row>
    <row r="695" spans="1:17">
      <c r="A695" s="70"/>
      <c r="B695" s="6"/>
      <c r="C695" s="6"/>
      <c r="D695" s="6"/>
      <c r="E695" s="6"/>
      <c r="F695" s="43"/>
      <c r="G695" s="6"/>
      <c r="H695" s="43"/>
      <c r="I695" s="6"/>
      <c r="J695" s="43"/>
      <c r="K695" s="6"/>
      <c r="L695" s="43"/>
      <c r="M695" s="6"/>
      <c r="N695" s="43"/>
      <c r="O695" s="6"/>
      <c r="P695" s="6"/>
      <c r="Q695" s="6"/>
    </row>
    <row r="696" spans="1:17">
      <c r="A696" s="70"/>
      <c r="B696" s="6"/>
      <c r="C696" s="6"/>
      <c r="D696" s="6"/>
      <c r="E696" s="6"/>
      <c r="F696" s="43"/>
      <c r="G696" s="6"/>
      <c r="H696" s="43"/>
      <c r="I696" s="6"/>
      <c r="J696" s="43"/>
      <c r="K696" s="6"/>
      <c r="L696" s="43"/>
      <c r="M696" s="6"/>
      <c r="N696" s="43"/>
      <c r="O696" s="6"/>
      <c r="P696" s="6"/>
      <c r="Q696" s="6"/>
    </row>
    <row r="697" spans="1:17">
      <c r="A697" s="70"/>
      <c r="B697" s="6"/>
      <c r="C697" s="6"/>
      <c r="D697" s="6"/>
      <c r="E697" s="6"/>
      <c r="F697" s="43"/>
      <c r="G697" s="6"/>
      <c r="H697" s="43"/>
      <c r="I697" s="6"/>
      <c r="J697" s="43"/>
      <c r="K697" s="6"/>
      <c r="L697" s="43"/>
      <c r="M697" s="6"/>
      <c r="N697" s="43"/>
      <c r="O697" s="6"/>
      <c r="P697" s="6"/>
      <c r="Q697" s="6"/>
    </row>
    <row r="698" spans="1:17">
      <c r="A698" s="70"/>
      <c r="B698" s="6"/>
      <c r="C698" s="6"/>
      <c r="D698" s="6"/>
      <c r="E698" s="6"/>
      <c r="F698" s="43"/>
      <c r="G698" s="6"/>
      <c r="H698" s="43"/>
      <c r="I698" s="6"/>
      <c r="J698" s="43"/>
      <c r="K698" s="6"/>
      <c r="L698" s="43"/>
      <c r="M698" s="6"/>
      <c r="N698" s="43"/>
      <c r="O698" s="6"/>
      <c r="P698" s="6"/>
      <c r="Q698" s="6"/>
    </row>
    <row r="699" spans="1:17">
      <c r="A699" s="70"/>
      <c r="B699" s="6"/>
      <c r="C699" s="6"/>
      <c r="D699" s="6"/>
      <c r="E699" s="6"/>
      <c r="F699" s="43"/>
      <c r="G699" s="6"/>
      <c r="H699" s="43"/>
      <c r="I699" s="6"/>
      <c r="J699" s="43"/>
      <c r="K699" s="6"/>
      <c r="L699" s="43"/>
      <c r="M699" s="6"/>
      <c r="N699" s="43"/>
      <c r="O699" s="6"/>
      <c r="P699" s="6"/>
      <c r="Q699" s="6"/>
    </row>
    <row r="700" spans="1:17">
      <c r="A700" s="70"/>
      <c r="B700" s="6"/>
      <c r="C700" s="6"/>
      <c r="D700" s="6"/>
      <c r="E700" s="6"/>
      <c r="F700" s="43"/>
      <c r="G700" s="6"/>
      <c r="H700" s="43"/>
      <c r="I700" s="6"/>
      <c r="J700" s="43"/>
      <c r="K700" s="6"/>
      <c r="L700" s="43"/>
      <c r="M700" s="6"/>
      <c r="N700" s="43"/>
      <c r="O700" s="6"/>
      <c r="P700" s="6"/>
      <c r="Q700" s="6"/>
    </row>
    <row r="701" spans="1:17">
      <c r="A701" s="70"/>
      <c r="B701" s="6"/>
      <c r="C701" s="6"/>
      <c r="D701" s="6"/>
      <c r="E701" s="6"/>
      <c r="F701" s="43"/>
      <c r="G701" s="6"/>
      <c r="H701" s="43"/>
      <c r="I701" s="6"/>
      <c r="J701" s="43"/>
      <c r="K701" s="6"/>
      <c r="L701" s="43"/>
      <c r="M701" s="6"/>
      <c r="N701" s="43"/>
      <c r="O701" s="6"/>
      <c r="P701" s="6"/>
      <c r="Q701" s="6"/>
    </row>
    <row r="702" spans="1:17">
      <c r="A702" s="70"/>
      <c r="B702" s="6"/>
      <c r="C702" s="6"/>
      <c r="D702" s="6"/>
      <c r="E702" s="6"/>
      <c r="F702" s="43"/>
      <c r="G702" s="6"/>
      <c r="H702" s="43"/>
      <c r="I702" s="6"/>
      <c r="J702" s="43"/>
      <c r="K702" s="6"/>
      <c r="L702" s="43"/>
      <c r="M702" s="6"/>
      <c r="N702" s="43"/>
      <c r="O702" s="6"/>
      <c r="P702" s="6"/>
      <c r="Q702" s="6"/>
    </row>
    <row r="703" spans="1:17">
      <c r="A703" s="70"/>
      <c r="B703" s="6"/>
      <c r="C703" s="6"/>
      <c r="D703" s="6"/>
      <c r="E703" s="6"/>
      <c r="F703" s="43"/>
      <c r="G703" s="6"/>
      <c r="H703" s="43"/>
      <c r="I703" s="6"/>
      <c r="J703" s="43"/>
      <c r="K703" s="6"/>
      <c r="L703" s="43"/>
      <c r="M703" s="6"/>
      <c r="N703" s="43"/>
      <c r="O703" s="6"/>
      <c r="P703" s="6"/>
      <c r="Q703" s="6"/>
    </row>
    <row r="704" spans="1:17">
      <c r="A704" s="70"/>
      <c r="B704" s="6"/>
      <c r="C704" s="6"/>
      <c r="D704" s="6"/>
      <c r="E704" s="6"/>
      <c r="F704" s="43"/>
      <c r="G704" s="6"/>
      <c r="H704" s="43"/>
      <c r="I704" s="6"/>
      <c r="J704" s="43"/>
      <c r="K704" s="6"/>
      <c r="L704" s="43"/>
      <c r="M704" s="6"/>
      <c r="N704" s="43"/>
      <c r="O704" s="6"/>
      <c r="P704" s="6"/>
      <c r="Q704" s="6"/>
    </row>
    <row r="705" spans="1:17">
      <c r="A705" s="70"/>
      <c r="B705" s="6"/>
      <c r="C705" s="6"/>
      <c r="D705" s="6"/>
      <c r="E705" s="6"/>
      <c r="F705" s="43"/>
      <c r="G705" s="6"/>
      <c r="H705" s="43"/>
      <c r="I705" s="6"/>
      <c r="J705" s="43"/>
      <c r="K705" s="6"/>
      <c r="L705" s="43"/>
      <c r="M705" s="6"/>
      <c r="N705" s="43"/>
      <c r="O705" s="6"/>
      <c r="P705" s="6"/>
      <c r="Q705" s="6"/>
    </row>
    <row r="706" spans="1:17">
      <c r="A706" s="70"/>
      <c r="B706" s="6"/>
      <c r="C706" s="6"/>
      <c r="D706" s="6"/>
      <c r="E706" s="6"/>
      <c r="F706" s="43"/>
      <c r="G706" s="6"/>
      <c r="H706" s="43"/>
      <c r="I706" s="6"/>
      <c r="J706" s="43"/>
      <c r="K706" s="6"/>
      <c r="L706" s="43"/>
      <c r="M706" s="6"/>
      <c r="N706" s="43"/>
      <c r="O706" s="6"/>
      <c r="P706" s="6"/>
      <c r="Q706" s="6"/>
    </row>
    <row r="707" spans="1:17">
      <c r="A707" s="70"/>
      <c r="B707" s="6"/>
      <c r="C707" s="6"/>
      <c r="D707" s="6"/>
      <c r="E707" s="6"/>
      <c r="F707" s="43"/>
      <c r="G707" s="6"/>
      <c r="H707" s="43"/>
      <c r="I707" s="6"/>
      <c r="J707" s="43"/>
      <c r="K707" s="6"/>
      <c r="L707" s="43"/>
      <c r="M707" s="6"/>
      <c r="N707" s="43"/>
      <c r="O707" s="6"/>
      <c r="P707" s="6"/>
      <c r="Q707" s="6"/>
    </row>
    <row r="708" spans="1:17">
      <c r="A708" s="70"/>
      <c r="B708" s="6"/>
      <c r="C708" s="6"/>
      <c r="D708" s="6"/>
      <c r="E708" s="6"/>
      <c r="F708" s="43"/>
      <c r="G708" s="6"/>
      <c r="H708" s="43"/>
      <c r="I708" s="6"/>
      <c r="J708" s="43"/>
      <c r="K708" s="6"/>
      <c r="L708" s="43"/>
      <c r="M708" s="6"/>
      <c r="N708" s="43"/>
      <c r="O708" s="6"/>
      <c r="P708" s="6"/>
      <c r="Q708" s="6"/>
    </row>
    <row r="709" spans="1:17">
      <c r="A709" s="70"/>
      <c r="B709" s="6"/>
      <c r="C709" s="6"/>
      <c r="D709" s="6"/>
      <c r="E709" s="6"/>
      <c r="F709" s="43"/>
      <c r="G709" s="6"/>
      <c r="H709" s="43"/>
      <c r="I709" s="6"/>
      <c r="J709" s="43"/>
      <c r="K709" s="6"/>
      <c r="L709" s="43"/>
      <c r="M709" s="6"/>
      <c r="N709" s="43"/>
      <c r="O709" s="6"/>
      <c r="P709" s="6"/>
      <c r="Q709" s="6"/>
    </row>
    <row r="710" spans="1:17">
      <c r="A710" s="70"/>
      <c r="B710" s="6"/>
      <c r="C710" s="6"/>
      <c r="D710" s="6"/>
      <c r="E710" s="6"/>
      <c r="F710" s="43"/>
      <c r="G710" s="6"/>
      <c r="H710" s="43"/>
      <c r="I710" s="6"/>
      <c r="J710" s="43"/>
      <c r="K710" s="6"/>
      <c r="L710" s="43"/>
      <c r="M710" s="6"/>
      <c r="N710" s="43"/>
      <c r="O710" s="6"/>
      <c r="P710" s="6"/>
      <c r="Q710" s="6"/>
    </row>
    <row r="711" spans="1:17">
      <c r="A711" s="70"/>
      <c r="B711" s="6"/>
      <c r="C711" s="6"/>
      <c r="D711" s="6"/>
      <c r="E711" s="6"/>
      <c r="F711" s="43"/>
      <c r="G711" s="6"/>
      <c r="H711" s="43"/>
      <c r="I711" s="6"/>
      <c r="J711" s="43"/>
      <c r="K711" s="6"/>
      <c r="L711" s="43"/>
      <c r="M711" s="6"/>
      <c r="N711" s="43"/>
      <c r="O711" s="6"/>
      <c r="P711" s="6"/>
      <c r="Q711" s="6"/>
    </row>
    <row r="712" spans="1:17">
      <c r="A712" s="70"/>
      <c r="B712" s="6"/>
      <c r="C712" s="6"/>
      <c r="D712" s="6"/>
      <c r="E712" s="6"/>
      <c r="F712" s="43"/>
      <c r="G712" s="6"/>
      <c r="H712" s="43"/>
      <c r="I712" s="6"/>
      <c r="J712" s="43"/>
      <c r="K712" s="6"/>
      <c r="L712" s="43"/>
      <c r="M712" s="6"/>
      <c r="N712" s="43"/>
      <c r="O712" s="6"/>
      <c r="P712" s="6"/>
      <c r="Q712" s="6"/>
    </row>
    <row r="713" spans="1:17">
      <c r="A713" s="70"/>
      <c r="B713" s="6"/>
      <c r="C713" s="6"/>
      <c r="D713" s="6"/>
      <c r="E713" s="6"/>
      <c r="F713" s="43"/>
      <c r="G713" s="6"/>
      <c r="H713" s="43"/>
      <c r="I713" s="6"/>
      <c r="J713" s="43"/>
      <c r="K713" s="6"/>
      <c r="L713" s="43"/>
      <c r="M713" s="6"/>
      <c r="N713" s="43"/>
      <c r="O713" s="6"/>
      <c r="P713" s="6"/>
      <c r="Q713" s="6"/>
    </row>
    <row r="714" spans="1:17">
      <c r="A714" s="70"/>
      <c r="B714" s="6"/>
      <c r="C714" s="6"/>
      <c r="D714" s="6"/>
      <c r="E714" s="6"/>
      <c r="F714" s="43"/>
      <c r="G714" s="6"/>
      <c r="H714" s="43"/>
      <c r="I714" s="6"/>
      <c r="J714" s="43"/>
      <c r="K714" s="6"/>
      <c r="L714" s="43"/>
      <c r="M714" s="6"/>
      <c r="N714" s="43"/>
      <c r="O714" s="6"/>
      <c r="P714" s="6"/>
      <c r="Q714" s="6"/>
    </row>
    <row r="715" spans="1:17">
      <c r="A715" s="70"/>
      <c r="B715" s="6"/>
      <c r="C715" s="6"/>
      <c r="D715" s="6"/>
      <c r="E715" s="6"/>
      <c r="F715" s="43"/>
      <c r="G715" s="6"/>
      <c r="H715" s="43"/>
      <c r="I715" s="6"/>
      <c r="J715" s="43"/>
      <c r="K715" s="6"/>
      <c r="L715" s="43"/>
      <c r="M715" s="6"/>
      <c r="N715" s="43"/>
      <c r="O715" s="6"/>
      <c r="P715" s="6"/>
      <c r="Q715" s="6"/>
    </row>
    <row r="716" spans="1:17">
      <c r="A716" s="70"/>
      <c r="B716" s="6"/>
      <c r="C716" s="6"/>
      <c r="D716" s="6"/>
      <c r="E716" s="6"/>
      <c r="F716" s="43"/>
      <c r="G716" s="6"/>
      <c r="H716" s="43"/>
      <c r="I716" s="6"/>
      <c r="J716" s="43"/>
      <c r="K716" s="6"/>
      <c r="L716" s="43"/>
      <c r="M716" s="6"/>
      <c r="N716" s="43"/>
      <c r="O716" s="6"/>
      <c r="P716" s="6"/>
      <c r="Q716" s="6"/>
    </row>
    <row r="717" spans="1:17">
      <c r="A717" s="70"/>
      <c r="B717" s="6"/>
      <c r="C717" s="6"/>
      <c r="D717" s="6"/>
      <c r="E717" s="6"/>
      <c r="F717" s="43"/>
      <c r="G717" s="6"/>
      <c r="H717" s="43"/>
      <c r="I717" s="6"/>
      <c r="J717" s="43"/>
      <c r="K717" s="6"/>
      <c r="L717" s="43"/>
      <c r="M717" s="6"/>
      <c r="N717" s="43"/>
      <c r="O717" s="6"/>
      <c r="P717" s="6"/>
      <c r="Q717" s="6"/>
    </row>
    <row r="718" spans="1:17">
      <c r="A718" s="70"/>
      <c r="B718" s="6"/>
      <c r="C718" s="6"/>
      <c r="D718" s="6"/>
      <c r="E718" s="6"/>
      <c r="F718" s="43"/>
      <c r="G718" s="6"/>
      <c r="H718" s="43"/>
      <c r="I718" s="6"/>
      <c r="J718" s="43"/>
      <c r="K718" s="6"/>
      <c r="L718" s="43"/>
      <c r="M718" s="6"/>
      <c r="N718" s="43"/>
      <c r="O718" s="6"/>
      <c r="P718" s="6"/>
      <c r="Q718" s="6"/>
    </row>
    <row r="719" spans="1:17">
      <c r="A719" s="70"/>
      <c r="B719" s="6"/>
      <c r="C719" s="6"/>
      <c r="D719" s="6"/>
      <c r="E719" s="6"/>
      <c r="F719" s="43"/>
      <c r="G719" s="6"/>
      <c r="H719" s="43"/>
      <c r="I719" s="6"/>
      <c r="J719" s="43"/>
      <c r="K719" s="6"/>
      <c r="L719" s="43"/>
      <c r="M719" s="6"/>
      <c r="N719" s="43"/>
      <c r="O719" s="6"/>
      <c r="P719" s="6"/>
      <c r="Q719" s="6"/>
    </row>
    <row r="720" spans="1:17">
      <c r="A720" s="70"/>
      <c r="B720" s="6"/>
      <c r="C720" s="6"/>
      <c r="D720" s="6"/>
      <c r="E720" s="6"/>
      <c r="F720" s="43"/>
      <c r="G720" s="6"/>
      <c r="H720" s="43"/>
      <c r="I720" s="6"/>
      <c r="J720" s="43"/>
      <c r="K720" s="6"/>
      <c r="L720" s="43"/>
      <c r="M720" s="6"/>
      <c r="N720" s="43"/>
      <c r="O720" s="6"/>
      <c r="P720" s="6"/>
      <c r="Q720" s="6"/>
    </row>
    <row r="721" spans="1:17">
      <c r="A721" s="70"/>
      <c r="B721" s="6"/>
      <c r="C721" s="6"/>
      <c r="D721" s="6"/>
      <c r="E721" s="6"/>
      <c r="F721" s="43"/>
      <c r="G721" s="6"/>
      <c r="H721" s="43"/>
      <c r="I721" s="6"/>
      <c r="J721" s="43"/>
      <c r="K721" s="6"/>
      <c r="L721" s="43"/>
      <c r="M721" s="6"/>
      <c r="N721" s="43"/>
      <c r="O721" s="6"/>
      <c r="P721" s="6"/>
      <c r="Q721" s="6"/>
    </row>
    <row r="722" spans="1:17">
      <c r="A722" s="70"/>
      <c r="B722" s="6"/>
      <c r="C722" s="6"/>
      <c r="D722" s="6"/>
      <c r="E722" s="6"/>
      <c r="F722" s="43"/>
      <c r="G722" s="6"/>
      <c r="H722" s="43"/>
      <c r="I722" s="6"/>
      <c r="J722" s="43"/>
      <c r="K722" s="6"/>
      <c r="L722" s="43"/>
      <c r="M722" s="6"/>
      <c r="N722" s="43"/>
      <c r="O722" s="6"/>
      <c r="P722" s="6"/>
      <c r="Q722" s="6"/>
    </row>
    <row r="723" spans="1:17">
      <c r="A723" s="70"/>
      <c r="B723" s="6"/>
      <c r="C723" s="6"/>
      <c r="D723" s="6"/>
      <c r="E723" s="6"/>
      <c r="F723" s="43"/>
      <c r="G723" s="6"/>
      <c r="H723" s="43"/>
      <c r="I723" s="6"/>
      <c r="J723" s="43"/>
      <c r="K723" s="6"/>
      <c r="L723" s="43"/>
      <c r="M723" s="6"/>
      <c r="N723" s="43"/>
      <c r="O723" s="6"/>
      <c r="P723" s="6"/>
      <c r="Q723" s="6"/>
    </row>
    <row r="724" spans="1:17">
      <c r="A724" s="70"/>
      <c r="B724" s="6"/>
      <c r="C724" s="6"/>
      <c r="D724" s="6"/>
      <c r="E724" s="6"/>
      <c r="F724" s="43"/>
      <c r="G724" s="6"/>
      <c r="H724" s="43"/>
      <c r="I724" s="6"/>
      <c r="J724" s="43"/>
      <c r="K724" s="6"/>
      <c r="L724" s="43"/>
      <c r="M724" s="6"/>
      <c r="N724" s="43"/>
      <c r="O724" s="6"/>
      <c r="P724" s="6"/>
      <c r="Q724" s="6"/>
    </row>
    <row r="725" spans="1:17">
      <c r="A725" s="70"/>
      <c r="B725" s="6"/>
      <c r="C725" s="6"/>
      <c r="D725" s="6"/>
      <c r="E725" s="6"/>
      <c r="F725" s="43"/>
      <c r="G725" s="6"/>
      <c r="H725" s="43"/>
      <c r="I725" s="6"/>
      <c r="J725" s="43"/>
      <c r="K725" s="6"/>
      <c r="L725" s="43"/>
      <c r="M725" s="6"/>
      <c r="N725" s="43"/>
      <c r="O725" s="6"/>
      <c r="P725" s="6"/>
      <c r="Q725" s="6"/>
    </row>
    <row r="726" spans="1:17">
      <c r="A726" s="70"/>
      <c r="B726" s="6"/>
      <c r="C726" s="6"/>
      <c r="D726" s="6"/>
      <c r="E726" s="6"/>
      <c r="F726" s="43"/>
      <c r="G726" s="6"/>
      <c r="H726" s="43"/>
      <c r="I726" s="6"/>
      <c r="J726" s="43"/>
      <c r="K726" s="6"/>
      <c r="L726" s="43"/>
      <c r="M726" s="6"/>
      <c r="N726" s="43"/>
      <c r="O726" s="6"/>
      <c r="P726" s="6"/>
      <c r="Q726" s="6"/>
    </row>
    <row r="727" spans="1:17">
      <c r="A727" s="70"/>
      <c r="B727" s="6"/>
      <c r="C727" s="6"/>
      <c r="D727" s="6"/>
      <c r="E727" s="6"/>
      <c r="F727" s="43"/>
      <c r="G727" s="6"/>
      <c r="H727" s="43"/>
      <c r="I727" s="6"/>
      <c r="J727" s="43"/>
      <c r="K727" s="6"/>
      <c r="L727" s="43"/>
      <c r="M727" s="6"/>
      <c r="N727" s="43"/>
      <c r="O727" s="6"/>
      <c r="P727" s="6"/>
      <c r="Q727" s="6"/>
    </row>
    <row r="728" spans="1:17">
      <c r="A728" s="70"/>
      <c r="B728" s="6"/>
      <c r="C728" s="6"/>
      <c r="D728" s="6"/>
      <c r="E728" s="6"/>
      <c r="F728" s="43"/>
      <c r="G728" s="6"/>
      <c r="H728" s="43"/>
      <c r="I728" s="6"/>
      <c r="J728" s="43"/>
      <c r="K728" s="6"/>
      <c r="L728" s="43"/>
      <c r="M728" s="6"/>
      <c r="N728" s="43"/>
      <c r="O728" s="6"/>
      <c r="P728" s="6"/>
      <c r="Q728" s="6"/>
    </row>
    <row r="729" spans="1:17">
      <c r="A729" s="70"/>
      <c r="B729" s="6"/>
      <c r="C729" s="6"/>
      <c r="D729" s="6"/>
      <c r="E729" s="6"/>
      <c r="F729" s="43"/>
      <c r="G729" s="6"/>
      <c r="H729" s="43"/>
      <c r="I729" s="6"/>
      <c r="J729" s="43"/>
      <c r="K729" s="6"/>
      <c r="L729" s="43"/>
      <c r="M729" s="6"/>
      <c r="N729" s="43"/>
      <c r="O729" s="6"/>
      <c r="P729" s="6"/>
      <c r="Q729" s="6"/>
    </row>
    <row r="730" spans="1:17">
      <c r="A730" s="70"/>
      <c r="B730" s="6"/>
      <c r="C730" s="6"/>
      <c r="D730" s="6"/>
      <c r="E730" s="6"/>
      <c r="F730" s="43"/>
      <c r="G730" s="6"/>
      <c r="H730" s="43"/>
      <c r="I730" s="6"/>
      <c r="J730" s="43"/>
      <c r="K730" s="6"/>
      <c r="L730" s="43"/>
      <c r="M730" s="6"/>
      <c r="N730" s="43"/>
      <c r="O730" s="6"/>
      <c r="P730" s="6"/>
      <c r="Q730" s="6"/>
    </row>
    <row r="731" spans="1:17">
      <c r="A731" s="70"/>
      <c r="B731" s="6"/>
      <c r="C731" s="6"/>
      <c r="D731" s="6"/>
      <c r="E731" s="6"/>
      <c r="F731" s="43"/>
      <c r="G731" s="6"/>
      <c r="H731" s="43"/>
      <c r="I731" s="6"/>
      <c r="J731" s="43"/>
      <c r="K731" s="6"/>
      <c r="L731" s="43"/>
      <c r="M731" s="6"/>
      <c r="N731" s="43"/>
      <c r="O731" s="6"/>
      <c r="P731" s="6"/>
      <c r="Q731" s="6"/>
    </row>
    <row r="732" spans="1:17">
      <c r="A732" s="70"/>
      <c r="B732" s="6"/>
      <c r="C732" s="6"/>
      <c r="D732" s="6"/>
      <c r="E732" s="6"/>
      <c r="F732" s="43"/>
      <c r="G732" s="6"/>
      <c r="H732" s="43"/>
      <c r="I732" s="6"/>
      <c r="J732" s="43"/>
      <c r="K732" s="6"/>
      <c r="L732" s="43"/>
      <c r="M732" s="6"/>
      <c r="N732" s="43"/>
      <c r="O732" s="6"/>
      <c r="P732" s="6"/>
      <c r="Q732" s="6"/>
    </row>
    <row r="733" spans="1:17">
      <c r="A733" s="70"/>
      <c r="B733" s="6"/>
      <c r="C733" s="6"/>
      <c r="D733" s="6"/>
      <c r="E733" s="6"/>
      <c r="F733" s="43"/>
      <c r="G733" s="6"/>
      <c r="H733" s="43"/>
      <c r="I733" s="6"/>
      <c r="J733" s="43"/>
      <c r="K733" s="6"/>
      <c r="L733" s="43"/>
      <c r="M733" s="6"/>
      <c r="N733" s="43"/>
      <c r="O733" s="6"/>
      <c r="P733" s="6"/>
      <c r="Q733" s="6"/>
    </row>
    <row r="734" spans="1:17">
      <c r="A734" s="70"/>
      <c r="B734" s="6"/>
      <c r="C734" s="6"/>
      <c r="D734" s="6"/>
      <c r="E734" s="6"/>
      <c r="F734" s="43"/>
      <c r="G734" s="6"/>
      <c r="H734" s="43"/>
      <c r="I734" s="6"/>
      <c r="J734" s="43"/>
      <c r="K734" s="6"/>
      <c r="L734" s="43"/>
      <c r="M734" s="6"/>
      <c r="N734" s="43"/>
      <c r="O734" s="6"/>
      <c r="P734" s="6"/>
      <c r="Q734" s="6"/>
    </row>
    <row r="735" spans="1:17">
      <c r="A735" s="70"/>
      <c r="B735" s="6"/>
      <c r="C735" s="6"/>
      <c r="D735" s="6"/>
      <c r="E735" s="6"/>
      <c r="F735" s="43"/>
      <c r="G735" s="6"/>
      <c r="H735" s="43"/>
      <c r="I735" s="6"/>
      <c r="J735" s="43"/>
      <c r="K735" s="6"/>
      <c r="L735" s="43"/>
      <c r="M735" s="6"/>
      <c r="N735" s="43"/>
      <c r="O735" s="6"/>
      <c r="P735" s="6"/>
      <c r="Q735" s="6"/>
    </row>
    <row r="736" spans="1:17">
      <c r="A736" s="70"/>
      <c r="B736" s="6"/>
      <c r="C736" s="6"/>
      <c r="D736" s="6"/>
      <c r="E736" s="6"/>
      <c r="F736" s="43"/>
      <c r="G736" s="6"/>
      <c r="H736" s="43"/>
      <c r="I736" s="6"/>
      <c r="J736" s="43"/>
      <c r="K736" s="6"/>
      <c r="L736" s="43"/>
      <c r="M736" s="6"/>
      <c r="N736" s="43"/>
      <c r="O736" s="6"/>
      <c r="P736" s="6"/>
      <c r="Q736" s="6"/>
    </row>
    <row r="737" spans="1:17">
      <c r="A737" s="70"/>
      <c r="B737" s="6"/>
      <c r="C737" s="6"/>
      <c r="D737" s="6"/>
      <c r="E737" s="6"/>
      <c r="F737" s="43"/>
      <c r="G737" s="6"/>
      <c r="H737" s="43"/>
      <c r="I737" s="6"/>
      <c r="J737" s="43"/>
      <c r="K737" s="6"/>
      <c r="L737" s="43"/>
      <c r="M737" s="6"/>
      <c r="N737" s="43"/>
      <c r="O737" s="6"/>
      <c r="P737" s="6"/>
      <c r="Q737" s="6"/>
    </row>
    <row r="738" spans="1:17">
      <c r="A738" s="70"/>
      <c r="B738" s="6"/>
      <c r="C738" s="6"/>
      <c r="D738" s="6"/>
      <c r="E738" s="6"/>
      <c r="F738" s="43"/>
      <c r="G738" s="6"/>
      <c r="H738" s="43"/>
      <c r="I738" s="6"/>
      <c r="J738" s="43"/>
      <c r="K738" s="6"/>
      <c r="L738" s="43"/>
      <c r="M738" s="6"/>
      <c r="N738" s="43"/>
      <c r="O738" s="6"/>
      <c r="P738" s="6"/>
      <c r="Q738" s="6"/>
    </row>
    <row r="739" spans="1:17">
      <c r="A739" s="70"/>
      <c r="B739" s="6"/>
      <c r="C739" s="6"/>
      <c r="D739" s="6"/>
      <c r="E739" s="6"/>
      <c r="F739" s="43"/>
      <c r="G739" s="6"/>
      <c r="H739" s="43"/>
      <c r="I739" s="6"/>
      <c r="J739" s="43"/>
      <c r="K739" s="6"/>
      <c r="L739" s="43"/>
      <c r="M739" s="6"/>
      <c r="N739" s="43"/>
      <c r="O739" s="6"/>
      <c r="P739" s="6"/>
      <c r="Q739" s="6"/>
    </row>
    <row r="740" spans="1:17">
      <c r="A740" s="70"/>
      <c r="B740" s="6"/>
      <c r="C740" s="6"/>
      <c r="D740" s="6"/>
      <c r="E740" s="6"/>
      <c r="F740" s="43"/>
      <c r="G740" s="6"/>
      <c r="H740" s="43"/>
      <c r="I740" s="6"/>
      <c r="J740" s="43"/>
      <c r="K740" s="6"/>
      <c r="L740" s="43"/>
      <c r="M740" s="6"/>
      <c r="N740" s="43"/>
      <c r="O740" s="6"/>
      <c r="P740" s="6"/>
      <c r="Q740" s="6"/>
    </row>
    <row r="741" spans="1:17">
      <c r="A741" s="70"/>
      <c r="B741" s="6"/>
      <c r="C741" s="6"/>
      <c r="D741" s="6"/>
      <c r="E741" s="6"/>
      <c r="F741" s="43"/>
      <c r="G741" s="6"/>
      <c r="H741" s="43"/>
      <c r="I741" s="6"/>
      <c r="J741" s="43"/>
      <c r="K741" s="6"/>
      <c r="L741" s="43"/>
      <c r="M741" s="6"/>
      <c r="N741" s="43"/>
      <c r="O741" s="6"/>
      <c r="P741" s="6"/>
      <c r="Q741" s="6"/>
    </row>
    <row r="742" spans="1:17">
      <c r="A742" s="70"/>
      <c r="B742" s="6"/>
      <c r="C742" s="6"/>
      <c r="D742" s="6"/>
      <c r="E742" s="6"/>
      <c r="F742" s="43"/>
      <c r="G742" s="6"/>
      <c r="H742" s="43"/>
      <c r="I742" s="6"/>
      <c r="J742" s="43"/>
      <c r="K742" s="6"/>
      <c r="L742" s="43"/>
      <c r="M742" s="6"/>
      <c r="N742" s="43"/>
      <c r="O742" s="6"/>
      <c r="P742" s="6"/>
      <c r="Q742" s="6"/>
    </row>
    <row r="743" spans="1:17">
      <c r="A743" s="70"/>
      <c r="B743" s="6"/>
      <c r="C743" s="6"/>
      <c r="D743" s="6"/>
      <c r="E743" s="6"/>
      <c r="F743" s="43"/>
      <c r="G743" s="6"/>
      <c r="H743" s="43"/>
      <c r="I743" s="6"/>
      <c r="J743" s="43"/>
      <c r="K743" s="6"/>
      <c r="L743" s="43"/>
      <c r="M743" s="6"/>
      <c r="N743" s="43"/>
      <c r="O743" s="6"/>
      <c r="P743" s="6"/>
      <c r="Q743" s="6"/>
    </row>
    <row r="744" spans="1:17">
      <c r="A744" s="70"/>
      <c r="B744" s="6"/>
      <c r="C744" s="6"/>
      <c r="D744" s="6"/>
      <c r="E744" s="6"/>
      <c r="F744" s="43"/>
      <c r="G744" s="6"/>
      <c r="H744" s="43"/>
      <c r="I744" s="6"/>
      <c r="J744" s="43"/>
      <c r="K744" s="6"/>
      <c r="L744" s="43"/>
      <c r="M744" s="6"/>
      <c r="N744" s="43"/>
      <c r="O744" s="6"/>
      <c r="P744" s="6"/>
      <c r="Q744" s="6"/>
    </row>
    <row r="745" spans="1:17">
      <c r="A745" s="70"/>
      <c r="B745" s="6"/>
      <c r="C745" s="6"/>
      <c r="D745" s="6"/>
      <c r="E745" s="6"/>
      <c r="F745" s="43"/>
      <c r="G745" s="6"/>
      <c r="H745" s="43"/>
      <c r="I745" s="6"/>
      <c r="J745" s="43"/>
      <c r="K745" s="6"/>
      <c r="L745" s="43"/>
      <c r="M745" s="6"/>
      <c r="N745" s="43"/>
      <c r="O745" s="6"/>
      <c r="P745" s="6"/>
      <c r="Q745" s="6"/>
    </row>
    <row r="746" spans="1:17">
      <c r="A746" s="70"/>
      <c r="B746" s="6"/>
      <c r="C746" s="6"/>
      <c r="D746" s="6"/>
      <c r="E746" s="6"/>
      <c r="F746" s="43"/>
      <c r="G746" s="6"/>
      <c r="H746" s="43"/>
      <c r="I746" s="6"/>
      <c r="J746" s="43"/>
      <c r="K746" s="6"/>
      <c r="L746" s="43"/>
      <c r="M746" s="6"/>
      <c r="N746" s="43"/>
      <c r="O746" s="6"/>
      <c r="P746" s="6"/>
      <c r="Q746" s="6"/>
    </row>
    <row r="747" spans="1:17">
      <c r="A747" s="70"/>
      <c r="B747" s="6"/>
      <c r="C747" s="6"/>
      <c r="D747" s="6"/>
      <c r="E747" s="6"/>
      <c r="F747" s="43"/>
      <c r="G747" s="6"/>
      <c r="H747" s="43"/>
      <c r="I747" s="6"/>
      <c r="J747" s="43"/>
      <c r="K747" s="6"/>
      <c r="L747" s="43"/>
      <c r="M747" s="6"/>
      <c r="N747" s="43"/>
      <c r="O747" s="6"/>
      <c r="P747" s="6"/>
      <c r="Q747" s="6"/>
    </row>
    <row r="748" spans="1:17">
      <c r="A748" s="70"/>
      <c r="B748" s="6"/>
      <c r="C748" s="6"/>
      <c r="D748" s="6"/>
      <c r="E748" s="6"/>
      <c r="F748" s="43"/>
      <c r="G748" s="6"/>
      <c r="H748" s="43"/>
      <c r="I748" s="6"/>
      <c r="J748" s="43"/>
      <c r="K748" s="6"/>
      <c r="L748" s="43"/>
      <c r="M748" s="6"/>
      <c r="N748" s="43"/>
      <c r="O748" s="6"/>
      <c r="P748" s="6"/>
      <c r="Q748" s="6"/>
    </row>
    <row r="749" spans="1:17">
      <c r="A749" s="70"/>
      <c r="B749" s="6"/>
      <c r="C749" s="6"/>
      <c r="D749" s="6"/>
      <c r="E749" s="6"/>
      <c r="F749" s="43"/>
      <c r="G749" s="6"/>
      <c r="H749" s="43"/>
      <c r="I749" s="6"/>
      <c r="J749" s="43"/>
      <c r="K749" s="6"/>
      <c r="L749" s="43"/>
      <c r="M749" s="6"/>
      <c r="N749" s="43"/>
      <c r="O749" s="6"/>
      <c r="P749" s="6"/>
      <c r="Q749" s="6"/>
    </row>
    <row r="750" spans="1:17">
      <c r="A750" s="70"/>
      <c r="B750" s="6"/>
      <c r="C750" s="6"/>
      <c r="D750" s="6"/>
      <c r="E750" s="6"/>
      <c r="F750" s="43"/>
      <c r="G750" s="6"/>
      <c r="H750" s="43"/>
      <c r="I750" s="6"/>
      <c r="J750" s="43"/>
      <c r="K750" s="6"/>
      <c r="L750" s="43"/>
      <c r="M750" s="6"/>
      <c r="N750" s="43"/>
      <c r="O750" s="6"/>
      <c r="P750" s="6"/>
      <c r="Q750" s="6"/>
    </row>
    <row r="751" spans="1:17">
      <c r="A751" s="70"/>
      <c r="B751" s="6"/>
      <c r="C751" s="6"/>
      <c r="D751" s="6"/>
      <c r="E751" s="6"/>
      <c r="F751" s="43"/>
      <c r="G751" s="6"/>
      <c r="H751" s="43"/>
      <c r="I751" s="6"/>
      <c r="J751" s="43"/>
      <c r="K751" s="6"/>
      <c r="L751" s="43"/>
      <c r="M751" s="6"/>
      <c r="N751" s="43"/>
      <c r="O751" s="6"/>
      <c r="P751" s="6"/>
      <c r="Q751" s="6"/>
    </row>
    <row r="752" spans="1:17">
      <c r="A752" s="70"/>
      <c r="B752" s="6"/>
      <c r="C752" s="6"/>
      <c r="D752" s="6"/>
      <c r="E752" s="6"/>
      <c r="F752" s="43"/>
      <c r="G752" s="6"/>
      <c r="H752" s="43"/>
      <c r="I752" s="6"/>
      <c r="J752" s="43"/>
      <c r="K752" s="6"/>
      <c r="L752" s="43"/>
      <c r="M752" s="6"/>
      <c r="N752" s="43"/>
      <c r="O752" s="6"/>
      <c r="P752" s="6"/>
      <c r="Q752" s="6"/>
    </row>
    <row r="753" spans="1:17">
      <c r="A753" s="70"/>
      <c r="B753" s="6"/>
      <c r="C753" s="6"/>
      <c r="D753" s="6"/>
      <c r="E753" s="6"/>
      <c r="F753" s="43"/>
      <c r="G753" s="6"/>
      <c r="H753" s="43"/>
      <c r="I753" s="6"/>
      <c r="J753" s="43"/>
      <c r="K753" s="6"/>
      <c r="L753" s="43"/>
      <c r="M753" s="6"/>
      <c r="N753" s="43"/>
      <c r="O753" s="6"/>
      <c r="P753" s="6"/>
      <c r="Q753" s="6"/>
    </row>
    <row r="754" spans="1:17">
      <c r="A754" s="70"/>
      <c r="B754" s="6"/>
      <c r="C754" s="6"/>
      <c r="D754" s="6"/>
      <c r="E754" s="6"/>
      <c r="F754" s="43"/>
      <c r="G754" s="6"/>
      <c r="H754" s="43"/>
      <c r="I754" s="6"/>
      <c r="J754" s="43"/>
      <c r="K754" s="6"/>
      <c r="L754" s="43"/>
      <c r="M754" s="6"/>
      <c r="N754" s="43"/>
      <c r="O754" s="6"/>
      <c r="P754" s="6"/>
      <c r="Q754" s="6"/>
    </row>
    <row r="755" spans="1:17">
      <c r="A755" s="70"/>
      <c r="B755" s="6"/>
      <c r="C755" s="6"/>
      <c r="D755" s="6"/>
      <c r="E755" s="6"/>
      <c r="F755" s="43"/>
      <c r="G755" s="6"/>
      <c r="H755" s="43"/>
      <c r="I755" s="6"/>
      <c r="J755" s="43"/>
      <c r="K755" s="6"/>
      <c r="L755" s="43"/>
      <c r="M755" s="6"/>
      <c r="N755" s="43"/>
      <c r="O755" s="6"/>
      <c r="P755" s="6"/>
      <c r="Q755" s="6"/>
    </row>
    <row r="756" spans="1:17">
      <c r="A756" s="70"/>
      <c r="B756" s="6"/>
      <c r="C756" s="6"/>
      <c r="D756" s="6"/>
      <c r="E756" s="6"/>
      <c r="F756" s="43"/>
      <c r="G756" s="6"/>
      <c r="H756" s="43"/>
      <c r="I756" s="6"/>
      <c r="J756" s="43"/>
      <c r="K756" s="6"/>
      <c r="L756" s="43"/>
      <c r="M756" s="6"/>
      <c r="N756" s="43"/>
      <c r="O756" s="6"/>
      <c r="P756" s="6"/>
      <c r="Q756" s="6"/>
    </row>
    <row r="757" spans="1:17">
      <c r="A757" s="70"/>
      <c r="B757" s="6"/>
      <c r="C757" s="6"/>
      <c r="D757" s="6"/>
      <c r="E757" s="6"/>
      <c r="F757" s="43"/>
      <c r="G757" s="6"/>
      <c r="H757" s="43"/>
      <c r="I757" s="6"/>
      <c r="J757" s="43"/>
      <c r="K757" s="6"/>
      <c r="L757" s="43"/>
      <c r="M757" s="6"/>
      <c r="N757" s="43"/>
      <c r="O757" s="6"/>
      <c r="P757" s="6"/>
      <c r="Q757" s="6"/>
    </row>
    <row r="758" spans="1:17">
      <c r="A758" s="70"/>
      <c r="B758" s="6"/>
      <c r="C758" s="6"/>
      <c r="D758" s="6"/>
      <c r="E758" s="6"/>
      <c r="F758" s="43"/>
      <c r="G758" s="6"/>
      <c r="H758" s="43"/>
      <c r="I758" s="6"/>
      <c r="J758" s="43"/>
      <c r="K758" s="6"/>
      <c r="L758" s="43"/>
      <c r="M758" s="6"/>
      <c r="N758" s="43"/>
      <c r="O758" s="6"/>
      <c r="P758" s="6"/>
      <c r="Q758" s="6"/>
    </row>
    <row r="759" spans="1:17">
      <c r="A759" s="70"/>
      <c r="B759" s="6"/>
      <c r="C759" s="6"/>
      <c r="D759" s="6"/>
      <c r="E759" s="6"/>
      <c r="F759" s="43"/>
      <c r="G759" s="6"/>
      <c r="H759" s="43"/>
      <c r="I759" s="6"/>
      <c r="J759" s="43"/>
      <c r="K759" s="6"/>
      <c r="L759" s="43"/>
      <c r="M759" s="6"/>
      <c r="N759" s="43"/>
      <c r="O759" s="6"/>
      <c r="P759" s="6"/>
      <c r="Q759" s="6"/>
    </row>
    <row r="760" spans="1:17">
      <c r="A760" s="70"/>
      <c r="B760" s="6"/>
      <c r="C760" s="6"/>
      <c r="D760" s="6"/>
      <c r="E760" s="6"/>
      <c r="F760" s="43"/>
      <c r="G760" s="6"/>
      <c r="H760" s="43"/>
      <c r="I760" s="6"/>
      <c r="J760" s="43"/>
      <c r="K760" s="6"/>
      <c r="L760" s="43"/>
      <c r="M760" s="6"/>
      <c r="N760" s="43"/>
      <c r="O760" s="6"/>
      <c r="P760" s="6"/>
      <c r="Q760" s="6"/>
    </row>
    <row r="761" spans="1:17">
      <c r="A761" s="70"/>
      <c r="B761" s="6"/>
      <c r="C761" s="6"/>
      <c r="D761" s="6"/>
      <c r="E761" s="6"/>
      <c r="F761" s="43"/>
      <c r="G761" s="6"/>
      <c r="H761" s="43"/>
      <c r="I761" s="6"/>
      <c r="J761" s="43"/>
      <c r="K761" s="6"/>
      <c r="L761" s="43"/>
      <c r="M761" s="6"/>
      <c r="N761" s="43"/>
      <c r="O761" s="6"/>
      <c r="P761" s="6"/>
      <c r="Q761" s="6"/>
    </row>
    <row r="762" spans="1:17">
      <c r="A762" s="70"/>
      <c r="B762" s="6"/>
      <c r="C762" s="6"/>
      <c r="D762" s="6"/>
      <c r="E762" s="6"/>
      <c r="F762" s="43"/>
      <c r="G762" s="6"/>
      <c r="H762" s="43"/>
      <c r="I762" s="6"/>
      <c r="J762" s="43"/>
      <c r="K762" s="6"/>
      <c r="L762" s="43"/>
      <c r="M762" s="6"/>
      <c r="N762" s="43"/>
      <c r="O762" s="6"/>
      <c r="P762" s="6"/>
      <c r="Q762" s="6"/>
    </row>
    <row r="763" spans="1:17">
      <c r="A763" s="70"/>
      <c r="B763" s="6"/>
      <c r="C763" s="6"/>
      <c r="D763" s="6"/>
      <c r="E763" s="6"/>
      <c r="F763" s="43"/>
      <c r="G763" s="6"/>
      <c r="H763" s="43"/>
      <c r="I763" s="6"/>
      <c r="J763" s="43"/>
      <c r="K763" s="6"/>
      <c r="L763" s="43"/>
      <c r="M763" s="6"/>
      <c r="N763" s="43"/>
      <c r="O763" s="6"/>
      <c r="P763" s="6"/>
      <c r="Q763" s="6"/>
    </row>
    <row r="764" spans="1:17">
      <c r="A764" s="70"/>
      <c r="B764" s="6"/>
      <c r="C764" s="6"/>
      <c r="D764" s="6"/>
      <c r="E764" s="6"/>
      <c r="F764" s="43"/>
      <c r="G764" s="6"/>
      <c r="H764" s="43"/>
      <c r="I764" s="6"/>
      <c r="J764" s="43"/>
      <c r="K764" s="6"/>
      <c r="L764" s="43"/>
      <c r="M764" s="6"/>
      <c r="N764" s="43"/>
      <c r="O764" s="6"/>
      <c r="P764" s="6"/>
      <c r="Q764" s="6"/>
    </row>
    <row r="765" spans="1:17">
      <c r="A765" s="70"/>
      <c r="B765" s="6"/>
      <c r="C765" s="6"/>
      <c r="D765" s="6"/>
      <c r="E765" s="6"/>
      <c r="F765" s="43"/>
      <c r="G765" s="6"/>
      <c r="H765" s="43"/>
      <c r="I765" s="6"/>
      <c r="J765" s="43"/>
      <c r="K765" s="6"/>
      <c r="L765" s="43"/>
      <c r="M765" s="6"/>
      <c r="N765" s="43"/>
      <c r="O765" s="6"/>
      <c r="P765" s="6"/>
      <c r="Q765" s="6"/>
    </row>
    <row r="766" spans="1:17">
      <c r="A766" s="70"/>
      <c r="B766" s="6"/>
      <c r="C766" s="6"/>
      <c r="D766" s="6"/>
      <c r="E766" s="6"/>
      <c r="F766" s="43"/>
      <c r="G766" s="6"/>
      <c r="H766" s="43"/>
      <c r="I766" s="6"/>
      <c r="J766" s="43"/>
      <c r="K766" s="6"/>
      <c r="L766" s="43"/>
      <c r="M766" s="6"/>
      <c r="N766" s="43"/>
      <c r="O766" s="6"/>
      <c r="P766" s="6"/>
      <c r="Q766" s="6"/>
    </row>
    <row r="767" spans="1:17">
      <c r="A767" s="70"/>
      <c r="B767" s="6"/>
      <c r="C767" s="6"/>
      <c r="D767" s="6"/>
      <c r="E767" s="6"/>
      <c r="F767" s="43"/>
      <c r="G767" s="6"/>
      <c r="H767" s="43"/>
      <c r="I767" s="6"/>
      <c r="J767" s="43"/>
      <c r="K767" s="6"/>
      <c r="L767" s="43"/>
      <c r="M767" s="6"/>
      <c r="N767" s="43"/>
      <c r="O767" s="6"/>
      <c r="P767" s="6"/>
      <c r="Q767" s="6"/>
    </row>
    <row r="768" spans="1:17">
      <c r="A768" s="70"/>
      <c r="B768" s="6"/>
      <c r="C768" s="6"/>
      <c r="D768" s="6"/>
      <c r="E768" s="6"/>
      <c r="F768" s="43"/>
      <c r="G768" s="6"/>
      <c r="H768" s="43"/>
      <c r="I768" s="6"/>
      <c r="J768" s="43"/>
      <c r="K768" s="6"/>
      <c r="L768" s="43"/>
      <c r="M768" s="6"/>
      <c r="N768" s="43"/>
      <c r="O768" s="6"/>
      <c r="P768" s="6"/>
      <c r="Q768" s="6"/>
    </row>
    <row r="769" spans="1:17">
      <c r="A769" s="70"/>
      <c r="B769" s="6"/>
      <c r="C769" s="6"/>
      <c r="D769" s="6"/>
      <c r="E769" s="6"/>
      <c r="F769" s="43"/>
      <c r="G769" s="6"/>
      <c r="H769" s="43"/>
      <c r="I769" s="6"/>
      <c r="J769" s="43"/>
      <c r="K769" s="6"/>
      <c r="L769" s="43"/>
      <c r="M769" s="6"/>
      <c r="N769" s="43"/>
      <c r="O769" s="6"/>
      <c r="P769" s="6"/>
      <c r="Q769" s="6"/>
    </row>
    <row r="770" spans="1:17">
      <c r="A770" s="70"/>
      <c r="B770" s="6"/>
      <c r="C770" s="6"/>
      <c r="D770" s="6"/>
      <c r="E770" s="6"/>
      <c r="F770" s="43"/>
      <c r="G770" s="6"/>
      <c r="H770" s="43"/>
      <c r="I770" s="6"/>
      <c r="J770" s="43"/>
      <c r="K770" s="6"/>
      <c r="L770" s="43"/>
      <c r="M770" s="6"/>
      <c r="N770" s="43"/>
      <c r="O770" s="6"/>
      <c r="P770" s="6"/>
      <c r="Q770" s="6"/>
    </row>
    <row r="771" spans="1:17">
      <c r="A771" s="70"/>
      <c r="B771" s="6"/>
      <c r="C771" s="6"/>
      <c r="D771" s="6"/>
      <c r="E771" s="6"/>
      <c r="F771" s="43"/>
      <c r="G771" s="6"/>
      <c r="H771" s="43"/>
      <c r="I771" s="6"/>
      <c r="J771" s="43"/>
      <c r="K771" s="6"/>
      <c r="L771" s="43"/>
      <c r="M771" s="6"/>
      <c r="N771" s="43"/>
      <c r="O771" s="6"/>
      <c r="P771" s="6"/>
      <c r="Q771" s="6"/>
    </row>
    <row r="772" spans="1:17">
      <c r="A772" s="70"/>
      <c r="B772" s="6"/>
      <c r="C772" s="6"/>
      <c r="D772" s="6"/>
      <c r="E772" s="6"/>
      <c r="F772" s="43"/>
      <c r="G772" s="6"/>
      <c r="H772" s="43"/>
      <c r="I772" s="6"/>
      <c r="J772" s="43"/>
      <c r="K772" s="6"/>
      <c r="L772" s="43"/>
      <c r="M772" s="6"/>
      <c r="N772" s="43"/>
      <c r="O772" s="6"/>
      <c r="P772" s="6"/>
      <c r="Q772" s="6"/>
    </row>
    <row r="773" spans="1:17">
      <c r="A773" s="70"/>
      <c r="B773" s="6"/>
      <c r="C773" s="6"/>
      <c r="D773" s="6"/>
      <c r="E773" s="6"/>
      <c r="F773" s="43"/>
      <c r="G773" s="6"/>
      <c r="H773" s="43"/>
      <c r="I773" s="6"/>
      <c r="J773" s="43"/>
      <c r="K773" s="6"/>
      <c r="L773" s="43"/>
      <c r="M773" s="6"/>
      <c r="N773" s="43"/>
      <c r="O773" s="6"/>
      <c r="P773" s="6"/>
      <c r="Q773" s="6"/>
    </row>
    <row r="774" spans="1:17">
      <c r="A774" s="70"/>
      <c r="B774" s="6"/>
      <c r="C774" s="6"/>
      <c r="D774" s="6"/>
      <c r="E774" s="6"/>
      <c r="F774" s="43"/>
      <c r="G774" s="6"/>
      <c r="H774" s="43"/>
      <c r="I774" s="6"/>
      <c r="J774" s="43"/>
      <c r="K774" s="6"/>
      <c r="L774" s="43"/>
      <c r="M774" s="6"/>
      <c r="N774" s="43"/>
      <c r="O774" s="6"/>
      <c r="P774" s="6"/>
      <c r="Q774" s="6"/>
    </row>
    <row r="775" spans="1:17">
      <c r="A775" s="70"/>
      <c r="B775" s="6"/>
      <c r="C775" s="6"/>
      <c r="D775" s="6"/>
      <c r="E775" s="6"/>
      <c r="F775" s="43"/>
      <c r="G775" s="6"/>
      <c r="H775" s="43"/>
      <c r="I775" s="6"/>
      <c r="J775" s="43"/>
      <c r="K775" s="6"/>
      <c r="L775" s="43"/>
      <c r="M775" s="6"/>
      <c r="N775" s="43"/>
      <c r="O775" s="6"/>
      <c r="P775" s="6"/>
      <c r="Q775" s="6"/>
    </row>
    <row r="776" spans="1:17">
      <c r="A776" s="70"/>
      <c r="B776" s="6"/>
      <c r="C776" s="6"/>
      <c r="D776" s="6"/>
      <c r="E776" s="6"/>
      <c r="F776" s="43"/>
      <c r="G776" s="6"/>
      <c r="H776" s="43"/>
      <c r="I776" s="6"/>
      <c r="J776" s="43"/>
      <c r="K776" s="6"/>
      <c r="L776" s="43"/>
      <c r="M776" s="6"/>
      <c r="N776" s="43"/>
      <c r="O776" s="6"/>
      <c r="P776" s="6"/>
      <c r="Q776" s="6"/>
    </row>
    <row r="777" spans="1:17">
      <c r="A777" s="70"/>
      <c r="B777" s="6"/>
      <c r="C777" s="6"/>
      <c r="D777" s="6"/>
      <c r="E777" s="6"/>
      <c r="F777" s="43"/>
      <c r="G777" s="6"/>
      <c r="H777" s="43"/>
      <c r="I777" s="6"/>
      <c r="J777" s="43"/>
      <c r="K777" s="6"/>
      <c r="L777" s="43"/>
      <c r="M777" s="6"/>
      <c r="N777" s="43"/>
      <c r="O777" s="6"/>
      <c r="P777" s="6"/>
      <c r="Q777" s="6"/>
    </row>
    <row r="778" spans="1:17">
      <c r="A778" s="70"/>
      <c r="B778" s="6"/>
      <c r="C778" s="6"/>
      <c r="D778" s="6"/>
      <c r="E778" s="6"/>
      <c r="F778" s="43"/>
      <c r="G778" s="6"/>
      <c r="H778" s="43"/>
      <c r="I778" s="6"/>
      <c r="J778" s="43"/>
      <c r="K778" s="6"/>
      <c r="L778" s="43"/>
      <c r="M778" s="6"/>
      <c r="N778" s="43"/>
      <c r="O778" s="6"/>
      <c r="P778" s="6"/>
      <c r="Q778" s="6"/>
    </row>
    <row r="779" spans="1:17">
      <c r="A779" s="70"/>
      <c r="B779" s="6"/>
      <c r="C779" s="6"/>
      <c r="D779" s="6"/>
      <c r="E779" s="6"/>
      <c r="F779" s="43"/>
      <c r="G779" s="6"/>
      <c r="H779" s="43"/>
      <c r="I779" s="6"/>
      <c r="J779" s="43"/>
      <c r="K779" s="6"/>
      <c r="L779" s="43"/>
      <c r="M779" s="6"/>
      <c r="N779" s="43"/>
      <c r="O779" s="6"/>
      <c r="P779" s="6"/>
      <c r="Q779" s="6"/>
    </row>
    <row r="780" spans="1:17">
      <c r="A780" s="70"/>
      <c r="B780" s="6"/>
      <c r="C780" s="6"/>
      <c r="D780" s="6"/>
      <c r="E780" s="6"/>
      <c r="F780" s="43"/>
      <c r="G780" s="6"/>
      <c r="H780" s="43"/>
      <c r="I780" s="6"/>
      <c r="J780" s="43"/>
      <c r="K780" s="6"/>
      <c r="L780" s="43"/>
      <c r="M780" s="6"/>
      <c r="N780" s="43"/>
      <c r="O780" s="6"/>
      <c r="P780" s="6"/>
      <c r="Q780" s="6"/>
    </row>
    <row r="781" spans="1:17">
      <c r="A781" s="70"/>
      <c r="B781" s="6"/>
      <c r="C781" s="6"/>
      <c r="D781" s="6"/>
      <c r="E781" s="6"/>
      <c r="F781" s="43"/>
      <c r="G781" s="6"/>
      <c r="H781" s="43"/>
      <c r="I781" s="6"/>
      <c r="J781" s="43"/>
      <c r="K781" s="6"/>
      <c r="L781" s="43"/>
      <c r="M781" s="6"/>
      <c r="N781" s="43"/>
      <c r="O781" s="6"/>
      <c r="P781" s="6"/>
      <c r="Q781" s="6"/>
    </row>
    <row r="782" spans="1:17">
      <c r="A782" s="70"/>
      <c r="B782" s="6"/>
      <c r="C782" s="6"/>
      <c r="D782" s="6"/>
      <c r="E782" s="6"/>
      <c r="F782" s="43"/>
      <c r="G782" s="6"/>
      <c r="H782" s="43"/>
      <c r="I782" s="6"/>
      <c r="J782" s="43"/>
      <c r="K782" s="6"/>
      <c r="L782" s="43"/>
      <c r="M782" s="6"/>
      <c r="N782" s="43"/>
      <c r="O782" s="6"/>
      <c r="P782" s="6"/>
      <c r="Q782" s="6"/>
    </row>
    <row r="783" spans="1:17">
      <c r="A783" s="70"/>
      <c r="B783" s="6"/>
      <c r="C783" s="6"/>
      <c r="D783" s="6"/>
      <c r="E783" s="6"/>
      <c r="F783" s="43"/>
      <c r="G783" s="6"/>
      <c r="H783" s="43"/>
      <c r="I783" s="6"/>
      <c r="J783" s="43"/>
      <c r="K783" s="6"/>
      <c r="L783" s="43"/>
      <c r="M783" s="6"/>
      <c r="N783" s="43"/>
      <c r="O783" s="6"/>
      <c r="P783" s="6"/>
      <c r="Q783" s="6"/>
    </row>
    <row r="784" spans="1:17">
      <c r="A784" s="70"/>
      <c r="B784" s="6"/>
      <c r="C784" s="6"/>
      <c r="D784" s="6"/>
      <c r="E784" s="6"/>
      <c r="F784" s="43"/>
      <c r="G784" s="6"/>
      <c r="H784" s="43"/>
      <c r="I784" s="6"/>
      <c r="J784" s="43"/>
      <c r="K784" s="6"/>
      <c r="L784" s="43"/>
      <c r="M784" s="6"/>
      <c r="N784" s="43"/>
      <c r="O784" s="6"/>
      <c r="P784" s="6"/>
      <c r="Q784" s="6"/>
    </row>
    <row r="785" spans="1:17">
      <c r="A785" s="70"/>
      <c r="B785" s="6"/>
      <c r="C785" s="6"/>
      <c r="D785" s="6"/>
      <c r="E785" s="6"/>
      <c r="F785" s="43"/>
      <c r="G785" s="6"/>
      <c r="H785" s="43"/>
      <c r="I785" s="6"/>
      <c r="J785" s="43"/>
      <c r="K785" s="6"/>
      <c r="L785" s="43"/>
      <c r="M785" s="6"/>
      <c r="N785" s="43"/>
      <c r="O785" s="6"/>
      <c r="P785" s="6"/>
      <c r="Q785" s="6"/>
    </row>
    <row r="786" spans="1:17">
      <c r="A786" s="70"/>
      <c r="B786" s="6"/>
      <c r="C786" s="6"/>
      <c r="D786" s="6"/>
      <c r="E786" s="6"/>
      <c r="F786" s="43"/>
      <c r="G786" s="6"/>
      <c r="H786" s="43"/>
      <c r="I786" s="6"/>
      <c r="J786" s="43"/>
      <c r="K786" s="6"/>
      <c r="L786" s="43"/>
      <c r="M786" s="6"/>
      <c r="N786" s="43"/>
      <c r="O786" s="6"/>
      <c r="P786" s="6"/>
      <c r="Q786" s="6"/>
    </row>
    <row r="787" spans="1:17">
      <c r="A787" s="70"/>
      <c r="B787" s="6"/>
      <c r="C787" s="6"/>
      <c r="D787" s="6"/>
      <c r="E787" s="6"/>
      <c r="F787" s="43"/>
      <c r="G787" s="6"/>
      <c r="H787" s="43"/>
      <c r="I787" s="6"/>
      <c r="J787" s="43"/>
      <c r="K787" s="6"/>
      <c r="L787" s="43"/>
      <c r="M787" s="6"/>
      <c r="N787" s="43"/>
      <c r="O787" s="6"/>
      <c r="P787" s="6"/>
      <c r="Q787" s="6"/>
    </row>
    <row r="788" spans="1:17">
      <c r="A788" s="70"/>
      <c r="B788" s="6"/>
      <c r="C788" s="6"/>
      <c r="D788" s="6"/>
      <c r="E788" s="6"/>
      <c r="F788" s="43"/>
      <c r="G788" s="6"/>
      <c r="H788" s="43"/>
      <c r="I788" s="6"/>
      <c r="J788" s="43"/>
      <c r="K788" s="6"/>
      <c r="L788" s="43"/>
      <c r="M788" s="6"/>
      <c r="N788" s="43"/>
      <c r="O788" s="6"/>
      <c r="P788" s="6"/>
      <c r="Q788" s="6"/>
    </row>
    <row r="789" spans="1:17">
      <c r="A789" s="70"/>
      <c r="B789" s="6"/>
      <c r="C789" s="6"/>
      <c r="D789" s="6"/>
      <c r="E789" s="6"/>
      <c r="F789" s="43"/>
      <c r="G789" s="6"/>
      <c r="H789" s="43"/>
      <c r="I789" s="6"/>
      <c r="J789" s="43"/>
      <c r="K789" s="6"/>
      <c r="L789" s="43"/>
      <c r="M789" s="6"/>
      <c r="N789" s="43"/>
      <c r="O789" s="6"/>
      <c r="P789" s="6"/>
      <c r="Q789" s="6"/>
    </row>
    <row r="790" spans="1:17">
      <c r="A790" s="70"/>
      <c r="B790" s="6"/>
      <c r="C790" s="6"/>
      <c r="D790" s="6"/>
      <c r="E790" s="6"/>
      <c r="F790" s="43"/>
      <c r="G790" s="6"/>
      <c r="H790" s="43"/>
      <c r="I790" s="6"/>
      <c r="J790" s="43"/>
      <c r="K790" s="6"/>
      <c r="L790" s="43"/>
      <c r="M790" s="6"/>
      <c r="N790" s="43"/>
      <c r="O790" s="6"/>
      <c r="P790" s="6"/>
      <c r="Q790" s="6"/>
    </row>
    <row r="791" spans="1:17">
      <c r="A791" s="70"/>
      <c r="B791" s="6"/>
      <c r="C791" s="6"/>
      <c r="D791" s="6"/>
      <c r="E791" s="6"/>
      <c r="F791" s="43"/>
      <c r="G791" s="6"/>
      <c r="H791" s="43"/>
      <c r="I791" s="6"/>
      <c r="J791" s="43"/>
      <c r="K791" s="6"/>
      <c r="L791" s="43"/>
      <c r="M791" s="6"/>
      <c r="N791" s="43"/>
      <c r="O791" s="6"/>
      <c r="P791" s="6"/>
      <c r="Q791" s="6"/>
    </row>
    <row r="792" spans="1:17">
      <c r="A792" s="70"/>
      <c r="B792" s="6"/>
      <c r="C792" s="6"/>
      <c r="D792" s="6"/>
      <c r="E792" s="6"/>
      <c r="F792" s="43"/>
      <c r="G792" s="6"/>
      <c r="H792" s="43"/>
      <c r="I792" s="6"/>
      <c r="J792" s="43"/>
      <c r="K792" s="6"/>
      <c r="L792" s="43"/>
      <c r="M792" s="6"/>
      <c r="N792" s="43"/>
      <c r="O792" s="6"/>
      <c r="P792" s="6"/>
      <c r="Q792" s="6"/>
    </row>
    <row r="793" spans="1:17">
      <c r="A793" s="70"/>
      <c r="B793" s="6"/>
      <c r="C793" s="6"/>
      <c r="D793" s="6"/>
      <c r="E793" s="6"/>
      <c r="F793" s="43"/>
      <c r="G793" s="6"/>
      <c r="H793" s="43"/>
      <c r="I793" s="6"/>
      <c r="J793" s="43"/>
      <c r="K793" s="6"/>
      <c r="L793" s="43"/>
      <c r="M793" s="6"/>
      <c r="N793" s="43"/>
      <c r="O793" s="6"/>
      <c r="P793" s="6"/>
      <c r="Q793" s="6"/>
    </row>
    <row r="794" spans="1:17">
      <c r="A794" s="70"/>
      <c r="B794" s="6"/>
      <c r="C794" s="6"/>
      <c r="D794" s="6"/>
      <c r="E794" s="6"/>
      <c r="F794" s="43"/>
      <c r="G794" s="6"/>
      <c r="H794" s="43"/>
      <c r="I794" s="6"/>
      <c r="J794" s="43"/>
      <c r="K794" s="6"/>
      <c r="L794" s="43"/>
      <c r="M794" s="6"/>
      <c r="N794" s="43"/>
      <c r="O794" s="6"/>
      <c r="P794" s="6"/>
      <c r="Q794" s="6"/>
    </row>
    <row r="795" spans="1:17">
      <c r="A795" s="70"/>
      <c r="B795" s="6"/>
      <c r="C795" s="6"/>
      <c r="D795" s="6"/>
      <c r="E795" s="6"/>
      <c r="F795" s="43"/>
      <c r="G795" s="6"/>
      <c r="H795" s="43"/>
      <c r="I795" s="6"/>
      <c r="J795" s="43"/>
      <c r="K795" s="6"/>
      <c r="L795" s="43"/>
      <c r="M795" s="6"/>
      <c r="N795" s="43"/>
      <c r="O795" s="6"/>
      <c r="P795" s="6"/>
      <c r="Q795" s="6"/>
    </row>
    <row r="796" spans="1:17">
      <c r="A796" s="70"/>
      <c r="B796" s="6"/>
      <c r="C796" s="6"/>
      <c r="D796" s="6"/>
      <c r="E796" s="6"/>
      <c r="F796" s="43"/>
      <c r="G796" s="6"/>
      <c r="H796" s="43"/>
      <c r="I796" s="6"/>
      <c r="J796" s="43"/>
      <c r="K796" s="6"/>
      <c r="L796" s="43"/>
      <c r="M796" s="6"/>
      <c r="N796" s="43"/>
      <c r="O796" s="6"/>
      <c r="P796" s="6"/>
      <c r="Q796" s="6"/>
    </row>
    <row r="797" spans="1:17">
      <c r="A797" s="70"/>
      <c r="B797" s="6"/>
      <c r="C797" s="6"/>
      <c r="D797" s="6"/>
      <c r="E797" s="6"/>
      <c r="F797" s="43"/>
      <c r="G797" s="6"/>
      <c r="H797" s="43"/>
      <c r="I797" s="6"/>
      <c r="J797" s="43"/>
      <c r="K797" s="6"/>
      <c r="L797" s="43"/>
      <c r="M797" s="6"/>
      <c r="N797" s="43"/>
      <c r="O797" s="6"/>
      <c r="P797" s="6"/>
      <c r="Q797" s="6"/>
    </row>
    <row r="798" spans="1:17">
      <c r="A798" s="70"/>
      <c r="B798" s="6"/>
      <c r="C798" s="6"/>
      <c r="D798" s="6"/>
      <c r="E798" s="6"/>
      <c r="F798" s="43"/>
      <c r="G798" s="6"/>
      <c r="H798" s="43"/>
      <c r="I798" s="6"/>
      <c r="J798" s="43"/>
      <c r="K798" s="6"/>
      <c r="L798" s="43"/>
      <c r="M798" s="6"/>
      <c r="N798" s="43"/>
      <c r="O798" s="6"/>
      <c r="P798" s="6"/>
      <c r="Q798" s="6"/>
    </row>
    <row r="799" spans="1:17">
      <c r="A799" s="70"/>
      <c r="B799" s="6"/>
      <c r="C799" s="6"/>
      <c r="D799" s="6"/>
      <c r="E799" s="6"/>
      <c r="F799" s="43"/>
      <c r="G799" s="6"/>
      <c r="H799" s="43"/>
      <c r="I799" s="6"/>
      <c r="J799" s="43"/>
      <c r="K799" s="6"/>
      <c r="L799" s="43"/>
      <c r="M799" s="6"/>
      <c r="N799" s="43"/>
      <c r="O799" s="6"/>
      <c r="P799" s="6"/>
      <c r="Q799" s="6"/>
    </row>
    <row r="800" spans="1:17">
      <c r="A800" s="70"/>
      <c r="B800" s="6"/>
      <c r="C800" s="6"/>
      <c r="D800" s="6"/>
      <c r="E800" s="6"/>
      <c r="F800" s="43"/>
      <c r="G800" s="6"/>
      <c r="H800" s="43"/>
      <c r="I800" s="6"/>
      <c r="J800" s="43"/>
      <c r="K800" s="6"/>
      <c r="L800" s="43"/>
      <c r="M800" s="6"/>
      <c r="N800" s="43"/>
      <c r="O800" s="6"/>
      <c r="P800" s="6"/>
      <c r="Q800" s="6"/>
    </row>
    <row r="801" spans="1:17">
      <c r="A801" s="70"/>
      <c r="B801" s="6"/>
      <c r="C801" s="6"/>
      <c r="D801" s="6"/>
      <c r="E801" s="6"/>
      <c r="F801" s="43"/>
      <c r="G801" s="6"/>
      <c r="H801" s="43"/>
      <c r="I801" s="6"/>
      <c r="J801" s="43"/>
      <c r="K801" s="6"/>
      <c r="L801" s="43"/>
      <c r="M801" s="6"/>
      <c r="N801" s="43"/>
      <c r="O801" s="6"/>
      <c r="P801" s="6"/>
      <c r="Q801" s="6"/>
    </row>
    <row r="802" spans="1:17">
      <c r="A802" s="70"/>
      <c r="B802" s="6"/>
      <c r="C802" s="6"/>
      <c r="D802" s="6"/>
      <c r="E802" s="6"/>
      <c r="F802" s="43"/>
      <c r="G802" s="6"/>
      <c r="H802" s="43"/>
      <c r="I802" s="6"/>
      <c r="J802" s="43"/>
      <c r="K802" s="6"/>
      <c r="L802" s="43"/>
      <c r="M802" s="6"/>
      <c r="N802" s="43"/>
      <c r="O802" s="6"/>
      <c r="P802" s="6"/>
      <c r="Q802" s="6"/>
    </row>
    <row r="803" spans="1:17">
      <c r="A803" s="70"/>
      <c r="B803" s="6"/>
      <c r="C803" s="6"/>
      <c r="D803" s="6"/>
      <c r="E803" s="6"/>
      <c r="F803" s="43"/>
      <c r="G803" s="6"/>
      <c r="H803" s="43"/>
      <c r="I803" s="6"/>
      <c r="J803" s="43"/>
      <c r="K803" s="6"/>
      <c r="L803" s="43"/>
      <c r="M803" s="6"/>
      <c r="N803" s="43"/>
      <c r="O803" s="6"/>
      <c r="P803" s="6"/>
      <c r="Q803" s="6"/>
    </row>
    <row r="804" spans="1:17">
      <c r="A804" s="70"/>
      <c r="B804" s="6"/>
      <c r="C804" s="6"/>
      <c r="D804" s="6"/>
      <c r="E804" s="6"/>
      <c r="F804" s="43"/>
      <c r="G804" s="6"/>
      <c r="H804" s="43"/>
      <c r="I804" s="6"/>
      <c r="J804" s="43"/>
      <c r="K804" s="6"/>
      <c r="L804" s="43"/>
      <c r="M804" s="6"/>
      <c r="N804" s="43"/>
      <c r="O804" s="6"/>
      <c r="P804" s="6"/>
      <c r="Q804" s="6"/>
    </row>
    <row r="805" spans="1:17">
      <c r="A805" s="70"/>
      <c r="B805" s="6"/>
      <c r="C805" s="6"/>
      <c r="D805" s="6"/>
      <c r="E805" s="6"/>
      <c r="F805" s="43"/>
      <c r="G805" s="6"/>
      <c r="H805" s="43"/>
      <c r="I805" s="6"/>
      <c r="J805" s="43"/>
      <c r="K805" s="6"/>
      <c r="L805" s="43"/>
      <c r="M805" s="6"/>
      <c r="N805" s="43"/>
      <c r="O805" s="6"/>
      <c r="P805" s="6"/>
      <c r="Q805" s="6"/>
    </row>
    <row r="806" spans="1:17">
      <c r="A806" s="70"/>
      <c r="B806" s="6"/>
      <c r="C806" s="6"/>
      <c r="D806" s="6"/>
      <c r="E806" s="6"/>
      <c r="F806" s="43"/>
      <c r="G806" s="6"/>
      <c r="H806" s="43"/>
      <c r="I806" s="6"/>
      <c r="J806" s="43"/>
      <c r="K806" s="6"/>
      <c r="L806" s="43"/>
      <c r="M806" s="6"/>
      <c r="N806" s="43"/>
      <c r="O806" s="6"/>
      <c r="P806" s="6"/>
      <c r="Q806" s="6"/>
    </row>
    <row r="807" spans="1:17">
      <c r="A807" s="70"/>
      <c r="B807" s="6"/>
      <c r="C807" s="6"/>
      <c r="D807" s="6"/>
      <c r="E807" s="6"/>
      <c r="F807" s="43"/>
      <c r="G807" s="6"/>
      <c r="H807" s="43"/>
      <c r="I807" s="6"/>
      <c r="J807" s="43"/>
      <c r="K807" s="6"/>
      <c r="L807" s="43"/>
      <c r="M807" s="6"/>
      <c r="N807" s="43"/>
      <c r="O807" s="6"/>
      <c r="P807" s="6"/>
      <c r="Q807" s="6"/>
    </row>
    <row r="808" spans="1:17">
      <c r="A808" s="70"/>
      <c r="B808" s="6"/>
      <c r="C808" s="6"/>
      <c r="D808" s="6"/>
      <c r="E808" s="6"/>
      <c r="F808" s="43"/>
      <c r="G808" s="6"/>
      <c r="H808" s="43"/>
      <c r="I808" s="6"/>
      <c r="J808" s="43"/>
      <c r="K808" s="6"/>
      <c r="L808" s="43"/>
      <c r="M808" s="6"/>
      <c r="N808" s="43"/>
      <c r="O808" s="6"/>
      <c r="P808" s="6"/>
      <c r="Q808" s="6"/>
    </row>
    <row r="809" spans="1:17">
      <c r="A809" s="70"/>
      <c r="B809" s="6"/>
      <c r="C809" s="6"/>
      <c r="D809" s="6"/>
      <c r="E809" s="6"/>
      <c r="F809" s="43"/>
      <c r="G809" s="6"/>
      <c r="H809" s="43"/>
      <c r="I809" s="6"/>
      <c r="J809" s="43"/>
      <c r="K809" s="6"/>
      <c r="L809" s="43"/>
      <c r="M809" s="6"/>
      <c r="N809" s="43"/>
      <c r="O809" s="6"/>
      <c r="P809" s="6"/>
      <c r="Q809" s="6"/>
    </row>
    <row r="810" spans="1:17">
      <c r="A810" s="70"/>
      <c r="B810" s="6"/>
      <c r="C810" s="6"/>
      <c r="D810" s="6"/>
      <c r="E810" s="6"/>
      <c r="F810" s="43"/>
      <c r="G810" s="6"/>
      <c r="H810" s="43"/>
      <c r="I810" s="6"/>
      <c r="J810" s="43"/>
      <c r="K810" s="6"/>
      <c r="L810" s="43"/>
      <c r="M810" s="6"/>
      <c r="N810" s="43"/>
      <c r="O810" s="6"/>
      <c r="P810" s="6"/>
      <c r="Q810" s="6"/>
    </row>
    <row r="811" spans="1:17">
      <c r="A811" s="70"/>
      <c r="B811" s="6"/>
      <c r="C811" s="6"/>
      <c r="D811" s="6"/>
      <c r="E811" s="6"/>
      <c r="F811" s="43"/>
      <c r="G811" s="6"/>
      <c r="H811" s="43"/>
      <c r="I811" s="6"/>
      <c r="J811" s="43"/>
      <c r="K811" s="6"/>
      <c r="L811" s="43"/>
      <c r="M811" s="6"/>
      <c r="N811" s="43"/>
      <c r="O811" s="6"/>
      <c r="P811" s="6"/>
      <c r="Q811" s="6"/>
    </row>
    <row r="812" spans="1:17">
      <c r="A812" s="70"/>
      <c r="B812" s="6"/>
      <c r="C812" s="6"/>
      <c r="D812" s="6"/>
      <c r="E812" s="6"/>
      <c r="F812" s="43"/>
      <c r="G812" s="6"/>
      <c r="H812" s="43"/>
      <c r="I812" s="6"/>
      <c r="J812" s="43"/>
      <c r="K812" s="6"/>
      <c r="L812" s="43"/>
      <c r="M812" s="6"/>
      <c r="N812" s="43"/>
      <c r="O812" s="6"/>
      <c r="P812" s="6"/>
      <c r="Q812" s="6"/>
    </row>
    <row r="813" spans="1:17">
      <c r="A813" s="70"/>
      <c r="B813" s="6"/>
      <c r="C813" s="6"/>
      <c r="D813" s="6"/>
      <c r="E813" s="6"/>
      <c r="F813" s="43"/>
      <c r="G813" s="6"/>
      <c r="H813" s="43"/>
      <c r="I813" s="6"/>
      <c r="J813" s="43"/>
      <c r="K813" s="6"/>
      <c r="L813" s="43"/>
      <c r="M813" s="6"/>
      <c r="N813" s="43"/>
      <c r="O813" s="6"/>
      <c r="P813" s="6"/>
      <c r="Q813" s="6"/>
    </row>
    <row r="814" spans="1:17">
      <c r="A814" s="70"/>
      <c r="B814" s="6"/>
      <c r="C814" s="6"/>
      <c r="D814" s="6"/>
      <c r="E814" s="6"/>
      <c r="F814" s="43"/>
      <c r="G814" s="6"/>
      <c r="H814" s="43"/>
      <c r="I814" s="6"/>
      <c r="J814" s="43"/>
      <c r="K814" s="6"/>
      <c r="L814" s="43"/>
      <c r="M814" s="6"/>
      <c r="N814" s="43"/>
      <c r="O814" s="6"/>
      <c r="P814" s="6"/>
      <c r="Q814" s="6"/>
    </row>
    <row r="815" spans="1:17">
      <c r="A815" s="70"/>
      <c r="B815" s="6"/>
      <c r="C815" s="6"/>
      <c r="D815" s="6"/>
      <c r="E815" s="6"/>
      <c r="F815" s="43"/>
      <c r="G815" s="6"/>
      <c r="H815" s="43"/>
      <c r="I815" s="6"/>
      <c r="J815" s="43"/>
      <c r="K815" s="6"/>
      <c r="L815" s="43"/>
      <c r="M815" s="6"/>
      <c r="N815" s="43"/>
      <c r="O815" s="6"/>
      <c r="P815" s="6"/>
      <c r="Q815" s="6"/>
    </row>
    <row r="816" spans="1:17">
      <c r="A816" s="70"/>
      <c r="B816" s="6"/>
      <c r="C816" s="6"/>
      <c r="D816" s="6"/>
      <c r="E816" s="6"/>
      <c r="F816" s="43"/>
      <c r="G816" s="6"/>
      <c r="H816" s="43"/>
      <c r="I816" s="6"/>
      <c r="J816" s="43"/>
      <c r="K816" s="6"/>
      <c r="L816" s="43"/>
      <c r="M816" s="6"/>
      <c r="N816" s="43"/>
      <c r="O816" s="6"/>
      <c r="P816" s="6"/>
      <c r="Q816" s="6"/>
    </row>
    <row r="817" spans="1:17">
      <c r="A817" s="70"/>
      <c r="B817" s="6"/>
      <c r="C817" s="6"/>
      <c r="D817" s="6"/>
      <c r="E817" s="6"/>
      <c r="F817" s="43"/>
      <c r="G817" s="6"/>
      <c r="H817" s="43"/>
      <c r="I817" s="6"/>
      <c r="J817" s="43"/>
      <c r="K817" s="6"/>
      <c r="L817" s="43"/>
      <c r="M817" s="6"/>
      <c r="N817" s="43"/>
      <c r="O817" s="6"/>
      <c r="P817" s="6"/>
      <c r="Q817" s="6"/>
    </row>
    <row r="818" spans="1:17">
      <c r="A818" s="70"/>
      <c r="B818" s="6"/>
      <c r="C818" s="6"/>
      <c r="D818" s="6"/>
      <c r="E818" s="6"/>
      <c r="F818" s="43"/>
      <c r="G818" s="6"/>
      <c r="H818" s="43"/>
      <c r="I818" s="6"/>
      <c r="J818" s="43"/>
      <c r="K818" s="6"/>
      <c r="L818" s="43"/>
      <c r="M818" s="6"/>
      <c r="N818" s="43"/>
      <c r="O818" s="6"/>
      <c r="P818" s="6"/>
      <c r="Q818" s="6"/>
    </row>
    <row r="819" spans="1:17">
      <c r="A819" s="70"/>
      <c r="B819" s="6"/>
      <c r="C819" s="6"/>
      <c r="D819" s="6"/>
      <c r="E819" s="6"/>
      <c r="F819" s="43"/>
      <c r="G819" s="6"/>
      <c r="H819" s="43"/>
      <c r="I819" s="6"/>
      <c r="J819" s="43"/>
      <c r="K819" s="6"/>
      <c r="L819" s="43"/>
      <c r="M819" s="6"/>
      <c r="N819" s="43"/>
      <c r="O819" s="6"/>
      <c r="P819" s="6"/>
      <c r="Q819" s="6"/>
    </row>
    <row r="820" spans="1:17">
      <c r="A820" s="70"/>
      <c r="B820" s="6"/>
      <c r="C820" s="6"/>
      <c r="D820" s="6"/>
      <c r="E820" s="6"/>
      <c r="F820" s="43"/>
      <c r="G820" s="6"/>
      <c r="H820" s="43"/>
      <c r="I820" s="6"/>
      <c r="J820" s="43"/>
      <c r="K820" s="6"/>
      <c r="L820" s="43"/>
      <c r="M820" s="6"/>
      <c r="N820" s="43"/>
      <c r="O820" s="6"/>
      <c r="P820" s="6"/>
      <c r="Q820" s="6"/>
    </row>
    <row r="821" spans="1:17">
      <c r="A821" s="70"/>
      <c r="B821" s="6"/>
      <c r="C821" s="6"/>
      <c r="D821" s="6"/>
      <c r="E821" s="6"/>
      <c r="F821" s="43"/>
      <c r="G821" s="6"/>
      <c r="H821" s="43"/>
      <c r="I821" s="6"/>
      <c r="J821" s="43"/>
      <c r="K821" s="6"/>
      <c r="L821" s="43"/>
      <c r="M821" s="6"/>
      <c r="N821" s="43"/>
      <c r="O821" s="6"/>
      <c r="P821" s="6"/>
      <c r="Q821" s="6"/>
    </row>
    <row r="822" spans="1:17">
      <c r="A822" s="70"/>
      <c r="B822" s="6"/>
      <c r="C822" s="6"/>
      <c r="D822" s="6"/>
      <c r="E822" s="6"/>
      <c r="F822" s="43"/>
      <c r="G822" s="6"/>
      <c r="H822" s="43"/>
      <c r="I822" s="6"/>
      <c r="J822" s="43"/>
      <c r="K822" s="6"/>
      <c r="L822" s="43"/>
      <c r="M822" s="6"/>
      <c r="N822" s="43"/>
      <c r="O822" s="6"/>
      <c r="P822" s="6"/>
      <c r="Q822" s="6"/>
    </row>
    <row r="823" spans="1:17">
      <c r="A823" s="70"/>
      <c r="B823" s="6"/>
      <c r="C823" s="6"/>
      <c r="D823" s="6"/>
      <c r="E823" s="6"/>
      <c r="F823" s="43"/>
      <c r="G823" s="6"/>
      <c r="H823" s="43"/>
      <c r="I823" s="6"/>
      <c r="J823" s="43"/>
      <c r="K823" s="6"/>
      <c r="L823" s="43"/>
      <c r="M823" s="6"/>
      <c r="N823" s="43"/>
      <c r="O823" s="6"/>
      <c r="P823" s="6"/>
      <c r="Q823" s="6"/>
    </row>
    <row r="824" spans="1:17">
      <c r="A824" s="70"/>
      <c r="B824" s="6"/>
      <c r="C824" s="6"/>
      <c r="D824" s="6"/>
      <c r="E824" s="6"/>
      <c r="F824" s="43"/>
      <c r="G824" s="6"/>
      <c r="H824" s="43"/>
      <c r="I824" s="6"/>
      <c r="J824" s="43"/>
      <c r="K824" s="6"/>
      <c r="L824" s="43"/>
      <c r="M824" s="6"/>
      <c r="N824" s="43"/>
      <c r="O824" s="6"/>
      <c r="P824" s="6"/>
      <c r="Q824" s="6"/>
    </row>
    <row r="825" spans="1:17">
      <c r="A825" s="70"/>
      <c r="B825" s="6"/>
      <c r="C825" s="6"/>
      <c r="D825" s="6"/>
      <c r="E825" s="6"/>
      <c r="F825" s="43"/>
      <c r="G825" s="6"/>
      <c r="H825" s="43"/>
      <c r="I825" s="6"/>
      <c r="J825" s="43"/>
      <c r="K825" s="6"/>
      <c r="L825" s="43"/>
      <c r="M825" s="6"/>
      <c r="N825" s="43"/>
      <c r="O825" s="6"/>
      <c r="P825" s="6"/>
      <c r="Q825" s="6"/>
    </row>
    <row r="826" spans="1:17">
      <c r="A826" s="70"/>
      <c r="B826" s="6"/>
      <c r="C826" s="6"/>
      <c r="D826" s="6"/>
      <c r="E826" s="6"/>
      <c r="F826" s="43"/>
      <c r="G826" s="6"/>
      <c r="H826" s="43"/>
      <c r="I826" s="6"/>
      <c r="J826" s="43"/>
      <c r="K826" s="6"/>
      <c r="L826" s="43"/>
      <c r="M826" s="6"/>
      <c r="N826" s="43"/>
      <c r="O826" s="6"/>
      <c r="P826" s="6"/>
      <c r="Q826" s="6"/>
    </row>
    <row r="827" spans="1:17">
      <c r="A827" s="70"/>
      <c r="B827" s="6"/>
      <c r="C827" s="6"/>
      <c r="D827" s="6"/>
      <c r="E827" s="6"/>
      <c r="F827" s="43"/>
      <c r="G827" s="6"/>
      <c r="H827" s="43"/>
      <c r="I827" s="6"/>
      <c r="J827" s="43"/>
      <c r="K827" s="6"/>
      <c r="L827" s="43"/>
      <c r="M827" s="6"/>
      <c r="N827" s="43"/>
      <c r="O827" s="6"/>
      <c r="P827" s="6"/>
      <c r="Q827" s="6"/>
    </row>
    <row r="828" spans="1:17">
      <c r="A828" s="70"/>
      <c r="B828" s="6"/>
      <c r="C828" s="6"/>
      <c r="D828" s="6"/>
      <c r="E828" s="6"/>
      <c r="F828" s="43"/>
      <c r="G828" s="6"/>
      <c r="H828" s="43"/>
      <c r="I828" s="6"/>
      <c r="J828" s="43"/>
      <c r="K828" s="6"/>
      <c r="L828" s="43"/>
      <c r="M828" s="6"/>
      <c r="N828" s="43"/>
      <c r="O828" s="6"/>
      <c r="P828" s="6"/>
      <c r="Q828" s="6"/>
    </row>
    <row r="829" spans="1:17">
      <c r="A829" s="70"/>
      <c r="B829" s="6"/>
      <c r="C829" s="6"/>
      <c r="D829" s="6"/>
      <c r="E829" s="6"/>
      <c r="F829" s="43"/>
      <c r="G829" s="6"/>
      <c r="H829" s="43"/>
      <c r="I829" s="6"/>
      <c r="J829" s="43"/>
      <c r="K829" s="6"/>
      <c r="L829" s="43"/>
      <c r="M829" s="6"/>
      <c r="N829" s="43"/>
      <c r="O829" s="6"/>
      <c r="P829" s="6"/>
      <c r="Q829" s="6"/>
    </row>
    <row r="830" spans="1:17">
      <c r="A830" s="70"/>
      <c r="B830" s="6"/>
      <c r="C830" s="6"/>
      <c r="D830" s="6"/>
      <c r="E830" s="6"/>
      <c r="F830" s="43"/>
      <c r="G830" s="6"/>
      <c r="H830" s="43"/>
      <c r="I830" s="6"/>
      <c r="J830" s="43"/>
      <c r="K830" s="6"/>
      <c r="L830" s="43"/>
      <c r="M830" s="6"/>
      <c r="N830" s="43"/>
      <c r="O830" s="6"/>
      <c r="P830" s="6"/>
      <c r="Q830" s="6"/>
    </row>
    <row r="831" spans="1:17">
      <c r="A831" s="70"/>
      <c r="B831" s="6"/>
      <c r="C831" s="6"/>
      <c r="D831" s="6"/>
      <c r="E831" s="6"/>
      <c r="F831" s="43"/>
      <c r="G831" s="6"/>
      <c r="H831" s="43"/>
      <c r="I831" s="6"/>
      <c r="J831" s="43"/>
      <c r="K831" s="6"/>
      <c r="L831" s="43"/>
      <c r="M831" s="6"/>
      <c r="N831" s="43"/>
      <c r="O831" s="6"/>
      <c r="P831" s="6"/>
      <c r="Q831" s="6"/>
    </row>
    <row r="832" spans="1:17">
      <c r="A832" s="70"/>
      <c r="B832" s="6"/>
      <c r="C832" s="6"/>
      <c r="D832" s="6"/>
      <c r="E832" s="6"/>
      <c r="F832" s="43"/>
      <c r="G832" s="6"/>
      <c r="H832" s="43"/>
      <c r="I832" s="6"/>
      <c r="J832" s="43"/>
      <c r="K832" s="6"/>
      <c r="L832" s="43"/>
      <c r="M832" s="6"/>
      <c r="N832" s="43"/>
      <c r="O832" s="6"/>
      <c r="P832" s="6"/>
      <c r="Q832" s="6"/>
    </row>
    <row r="833" spans="1:17">
      <c r="A833" s="70"/>
      <c r="B833" s="6"/>
      <c r="C833" s="6"/>
      <c r="D833" s="6"/>
      <c r="E833" s="6"/>
      <c r="F833" s="43"/>
      <c r="G833" s="6"/>
      <c r="H833" s="43"/>
      <c r="I833" s="6"/>
      <c r="J833" s="43"/>
      <c r="K833" s="6"/>
      <c r="L833" s="43"/>
      <c r="M833" s="6"/>
      <c r="N833" s="43"/>
      <c r="O833" s="6"/>
      <c r="P833" s="6"/>
      <c r="Q833" s="6"/>
    </row>
    <row r="834" spans="1:17">
      <c r="A834" s="70"/>
      <c r="B834" s="6"/>
      <c r="C834" s="6"/>
      <c r="D834" s="6"/>
      <c r="E834" s="6"/>
      <c r="F834" s="43"/>
      <c r="G834" s="6"/>
      <c r="H834" s="43"/>
      <c r="I834" s="6"/>
      <c r="J834" s="43"/>
      <c r="K834" s="6"/>
      <c r="L834" s="43"/>
      <c r="M834" s="6"/>
      <c r="N834" s="43"/>
      <c r="O834" s="6"/>
      <c r="P834" s="6"/>
      <c r="Q834" s="6"/>
    </row>
    <row r="835" spans="1:17">
      <c r="A835" s="70"/>
      <c r="B835" s="6"/>
      <c r="C835" s="6"/>
      <c r="D835" s="6"/>
      <c r="E835" s="6"/>
      <c r="F835" s="43"/>
      <c r="G835" s="6"/>
      <c r="H835" s="43"/>
      <c r="I835" s="6"/>
      <c r="J835" s="43"/>
      <c r="K835" s="6"/>
      <c r="L835" s="43"/>
      <c r="M835" s="6"/>
      <c r="N835" s="43"/>
      <c r="O835" s="6"/>
      <c r="P835" s="6"/>
      <c r="Q835" s="6"/>
    </row>
    <row r="836" spans="1:17">
      <c r="A836" s="70"/>
      <c r="B836" s="6"/>
      <c r="C836" s="6"/>
      <c r="D836" s="6"/>
      <c r="E836" s="6"/>
      <c r="F836" s="43"/>
      <c r="G836" s="6"/>
      <c r="H836" s="43"/>
      <c r="I836" s="6"/>
      <c r="J836" s="43"/>
      <c r="K836" s="6"/>
      <c r="L836" s="43"/>
      <c r="M836" s="6"/>
      <c r="N836" s="43"/>
      <c r="O836" s="6"/>
      <c r="P836" s="6"/>
      <c r="Q836" s="6"/>
    </row>
    <row r="837" spans="1:17">
      <c r="A837" s="70"/>
      <c r="B837" s="6"/>
      <c r="C837" s="6"/>
      <c r="D837" s="6"/>
      <c r="E837" s="6"/>
      <c r="F837" s="43"/>
      <c r="G837" s="6"/>
      <c r="H837" s="43"/>
      <c r="I837" s="6"/>
      <c r="J837" s="43"/>
      <c r="K837" s="6"/>
      <c r="L837" s="43"/>
      <c r="M837" s="6"/>
      <c r="N837" s="43"/>
      <c r="O837" s="6"/>
      <c r="P837" s="6"/>
      <c r="Q837" s="6"/>
    </row>
    <row r="838" spans="1:17">
      <c r="A838" s="70"/>
      <c r="B838" s="6"/>
      <c r="C838" s="6"/>
      <c r="D838" s="6"/>
      <c r="E838" s="6"/>
      <c r="F838" s="43"/>
      <c r="G838" s="6"/>
      <c r="H838" s="43"/>
      <c r="I838" s="6"/>
      <c r="J838" s="43"/>
      <c r="K838" s="6"/>
      <c r="L838" s="43"/>
      <c r="M838" s="6"/>
      <c r="N838" s="43"/>
      <c r="O838" s="6"/>
      <c r="P838" s="6"/>
      <c r="Q838" s="6"/>
    </row>
    <row r="839" spans="1:17">
      <c r="A839" s="70"/>
      <c r="B839" s="6"/>
      <c r="C839" s="6"/>
      <c r="D839" s="6"/>
      <c r="E839" s="6"/>
      <c r="F839" s="43"/>
      <c r="G839" s="6"/>
      <c r="H839" s="43"/>
      <c r="I839" s="6"/>
      <c r="J839" s="43"/>
      <c r="K839" s="6"/>
      <c r="L839" s="43"/>
      <c r="M839" s="6"/>
      <c r="N839" s="43"/>
      <c r="O839" s="6"/>
      <c r="P839" s="6"/>
      <c r="Q839" s="6"/>
    </row>
    <row r="840" spans="1:17">
      <c r="A840" s="70"/>
      <c r="B840" s="6"/>
      <c r="C840" s="6"/>
      <c r="D840" s="6"/>
      <c r="E840" s="6"/>
      <c r="F840" s="43"/>
      <c r="G840" s="6"/>
      <c r="H840" s="43"/>
      <c r="I840" s="6"/>
      <c r="J840" s="43"/>
      <c r="K840" s="6"/>
      <c r="L840" s="43"/>
      <c r="M840" s="6"/>
      <c r="N840" s="43"/>
      <c r="O840" s="6"/>
      <c r="P840" s="6"/>
      <c r="Q840" s="6"/>
    </row>
    <row r="841" spans="1:17">
      <c r="A841" s="70"/>
      <c r="B841" s="6"/>
      <c r="C841" s="6"/>
      <c r="D841" s="6"/>
      <c r="E841" s="6"/>
      <c r="F841" s="43"/>
      <c r="G841" s="6"/>
      <c r="H841" s="43"/>
      <c r="I841" s="6"/>
      <c r="J841" s="43"/>
      <c r="K841" s="6"/>
      <c r="L841" s="43"/>
      <c r="M841" s="6"/>
      <c r="N841" s="43"/>
      <c r="O841" s="6"/>
      <c r="P841" s="6"/>
      <c r="Q841" s="6"/>
    </row>
    <row r="842" spans="1:17">
      <c r="A842" s="70"/>
      <c r="B842" s="6"/>
      <c r="C842" s="6"/>
      <c r="D842" s="6"/>
      <c r="E842" s="6"/>
      <c r="F842" s="43"/>
      <c r="G842" s="6"/>
      <c r="H842" s="43"/>
      <c r="I842" s="6"/>
      <c r="J842" s="43"/>
      <c r="K842" s="6"/>
      <c r="L842" s="43"/>
      <c r="M842" s="6"/>
      <c r="N842" s="43"/>
      <c r="O842" s="6"/>
      <c r="P842" s="6"/>
      <c r="Q842" s="6"/>
    </row>
    <row r="843" spans="1:17">
      <c r="A843" s="70"/>
      <c r="B843" s="6"/>
      <c r="C843" s="6"/>
      <c r="D843" s="6"/>
      <c r="E843" s="6"/>
      <c r="F843" s="43"/>
      <c r="G843" s="6"/>
      <c r="H843" s="43"/>
      <c r="I843" s="6"/>
      <c r="J843" s="43"/>
      <c r="K843" s="6"/>
      <c r="L843" s="43"/>
      <c r="M843" s="6"/>
      <c r="N843" s="43"/>
      <c r="O843" s="6"/>
      <c r="P843" s="6"/>
      <c r="Q843" s="6"/>
    </row>
    <row r="844" spans="1:17">
      <c r="A844" s="6"/>
      <c r="B844" s="6"/>
      <c r="C844" s="6"/>
      <c r="D844" s="6"/>
      <c r="E844" s="6"/>
      <c r="F844" s="43"/>
      <c r="G844" s="6"/>
      <c r="H844" s="43"/>
      <c r="I844" s="6"/>
      <c r="J844" s="43"/>
      <c r="K844" s="6"/>
      <c r="L844" s="43"/>
      <c r="M844" s="6"/>
      <c r="N844" s="43"/>
      <c r="O844" s="6"/>
      <c r="P844" s="6"/>
      <c r="Q844" s="6"/>
    </row>
    <row r="845" spans="1:17">
      <c r="A845" s="6"/>
      <c r="B845" s="6"/>
      <c r="C845" s="6"/>
      <c r="D845" s="6"/>
      <c r="E845" s="6"/>
      <c r="F845" s="43"/>
      <c r="G845" s="6"/>
      <c r="H845" s="43"/>
      <c r="I845" s="6"/>
      <c r="J845" s="43"/>
      <c r="K845" s="6"/>
      <c r="L845" s="43"/>
      <c r="M845" s="6"/>
      <c r="N845" s="43"/>
      <c r="O845" s="6"/>
      <c r="P845" s="6"/>
      <c r="Q845" s="6"/>
    </row>
    <row r="846" spans="1:17">
      <c r="A846" s="6"/>
      <c r="B846" s="6"/>
      <c r="C846" s="6"/>
      <c r="D846" s="6"/>
      <c r="E846" s="6"/>
      <c r="F846" s="43"/>
      <c r="G846" s="6"/>
      <c r="H846" s="43"/>
      <c r="I846" s="6"/>
      <c r="J846" s="43"/>
      <c r="K846" s="6"/>
      <c r="L846" s="43"/>
      <c r="M846" s="6"/>
      <c r="N846" s="43"/>
      <c r="O846" s="6"/>
      <c r="P846" s="6"/>
      <c r="Q846" s="6"/>
    </row>
    <row r="847" spans="1:17">
      <c r="A847" s="6"/>
      <c r="B847" s="6"/>
      <c r="C847" s="6"/>
      <c r="D847" s="6"/>
      <c r="E847" s="6"/>
      <c r="F847" s="43"/>
      <c r="G847" s="6"/>
      <c r="H847" s="43"/>
      <c r="I847" s="6"/>
      <c r="J847" s="43"/>
      <c r="K847" s="6"/>
      <c r="L847" s="43"/>
      <c r="M847" s="6"/>
      <c r="N847" s="43"/>
      <c r="O847" s="6"/>
      <c r="P847" s="6"/>
      <c r="Q847" s="6"/>
    </row>
    <row r="848" spans="1:17">
      <c r="A848" s="6"/>
      <c r="B848" s="6"/>
      <c r="C848" s="6"/>
      <c r="D848" s="6"/>
      <c r="E848" s="6"/>
      <c r="F848" s="43"/>
      <c r="G848" s="6"/>
      <c r="H848" s="43"/>
      <c r="I848" s="6"/>
      <c r="J848" s="43"/>
      <c r="K848" s="6"/>
      <c r="L848" s="43"/>
      <c r="M848" s="6"/>
      <c r="N848" s="43"/>
      <c r="O848" s="6"/>
      <c r="P848" s="6"/>
      <c r="Q848" s="6"/>
    </row>
    <row r="849" spans="1:17">
      <c r="A849" s="6"/>
      <c r="B849" s="6"/>
      <c r="C849" s="6"/>
      <c r="D849" s="6"/>
      <c r="E849" s="6"/>
      <c r="F849" s="43"/>
      <c r="G849" s="6"/>
      <c r="H849" s="43"/>
      <c r="I849" s="6"/>
      <c r="J849" s="43"/>
      <c r="K849" s="6"/>
      <c r="L849" s="43"/>
      <c r="M849" s="6"/>
      <c r="N849" s="43"/>
      <c r="O849" s="6"/>
      <c r="P849" s="6"/>
      <c r="Q849" s="6"/>
    </row>
    <row r="850" spans="1:17">
      <c r="A850" s="6"/>
      <c r="B850" s="6"/>
      <c r="C850" s="6"/>
      <c r="D850" s="6"/>
      <c r="E850" s="6"/>
      <c r="F850" s="43"/>
      <c r="G850" s="6"/>
      <c r="H850" s="43"/>
      <c r="I850" s="6"/>
      <c r="J850" s="43"/>
      <c r="K850" s="6"/>
      <c r="L850" s="43"/>
      <c r="M850" s="6"/>
      <c r="N850" s="43"/>
      <c r="O850" s="6"/>
      <c r="P850" s="6"/>
      <c r="Q850" s="6"/>
    </row>
    <row r="851" spans="1:17">
      <c r="A851" s="6"/>
      <c r="B851" s="6"/>
      <c r="C851" s="6"/>
      <c r="D851" s="6"/>
      <c r="E851" s="6"/>
      <c r="F851" s="43"/>
      <c r="G851" s="6"/>
      <c r="H851" s="43"/>
      <c r="I851" s="6"/>
      <c r="J851" s="43"/>
      <c r="K851" s="6"/>
      <c r="L851" s="43"/>
      <c r="M851" s="6"/>
      <c r="N851" s="43"/>
      <c r="O851" s="6"/>
      <c r="P851" s="6"/>
      <c r="Q851" s="6"/>
    </row>
    <row r="852" spans="1:17">
      <c r="A852" s="6"/>
      <c r="B852" s="6"/>
      <c r="C852" s="6"/>
      <c r="D852" s="6"/>
      <c r="E852" s="6"/>
      <c r="F852" s="43"/>
      <c r="G852" s="6"/>
      <c r="H852" s="43"/>
      <c r="I852" s="6"/>
      <c r="J852" s="43"/>
      <c r="K852" s="6"/>
      <c r="L852" s="43"/>
      <c r="M852" s="6"/>
      <c r="N852" s="43"/>
      <c r="O852" s="6"/>
      <c r="P852" s="6"/>
      <c r="Q852" s="6"/>
    </row>
    <row r="853" spans="1:17">
      <c r="A853" s="6"/>
      <c r="B853" s="6"/>
      <c r="C853" s="6"/>
      <c r="D853" s="6"/>
      <c r="E853" s="6"/>
      <c r="F853" s="43"/>
      <c r="G853" s="6"/>
      <c r="H853" s="43"/>
      <c r="I853" s="6"/>
      <c r="J853" s="43"/>
      <c r="K853" s="6"/>
      <c r="L853" s="43"/>
      <c r="M853" s="6"/>
      <c r="N853" s="43"/>
      <c r="O853" s="6"/>
      <c r="P853" s="6"/>
      <c r="Q853" s="6"/>
    </row>
    <row r="854" spans="1:17">
      <c r="A854" s="6"/>
      <c r="B854" s="6"/>
      <c r="C854" s="6"/>
      <c r="D854" s="6"/>
      <c r="E854" s="6"/>
      <c r="F854" s="43"/>
      <c r="G854" s="6"/>
      <c r="H854" s="43"/>
      <c r="I854" s="6"/>
      <c r="J854" s="43"/>
      <c r="K854" s="6"/>
      <c r="L854" s="43"/>
      <c r="M854" s="6"/>
      <c r="N854" s="43"/>
      <c r="O854" s="6"/>
      <c r="P854" s="6"/>
      <c r="Q854" s="6"/>
    </row>
    <row r="855" spans="1:17">
      <c r="A855" s="6"/>
      <c r="B855" s="6"/>
      <c r="C855" s="6"/>
      <c r="D855" s="6"/>
      <c r="E855" s="6"/>
      <c r="F855" s="43"/>
      <c r="G855" s="6"/>
      <c r="H855" s="43"/>
      <c r="I855" s="6"/>
      <c r="J855" s="43"/>
      <c r="K855" s="6"/>
      <c r="L855" s="43"/>
      <c r="M855" s="6"/>
      <c r="N855" s="43"/>
      <c r="O855" s="6"/>
      <c r="P855" s="6"/>
      <c r="Q855" s="6"/>
    </row>
    <row r="856" spans="1:17">
      <c r="A856" s="6"/>
      <c r="B856" s="6"/>
      <c r="C856" s="6"/>
      <c r="D856" s="6"/>
      <c r="E856" s="6"/>
      <c r="F856" s="43"/>
      <c r="G856" s="6"/>
      <c r="H856" s="43"/>
      <c r="I856" s="6"/>
      <c r="J856" s="43"/>
      <c r="K856" s="6"/>
      <c r="L856" s="43"/>
      <c r="M856" s="6"/>
      <c r="N856" s="43"/>
      <c r="O856" s="6"/>
      <c r="P856" s="6"/>
      <c r="Q856" s="6"/>
    </row>
    <row r="857" spans="1:17">
      <c r="A857" s="6"/>
      <c r="B857" s="6"/>
      <c r="C857" s="6"/>
      <c r="D857" s="6"/>
      <c r="E857" s="6"/>
      <c r="F857" s="43"/>
      <c r="G857" s="6"/>
      <c r="H857" s="43"/>
      <c r="I857" s="6"/>
      <c r="J857" s="43"/>
      <c r="K857" s="6"/>
      <c r="L857" s="43"/>
      <c r="M857" s="6"/>
      <c r="N857" s="43"/>
      <c r="O857" s="6"/>
      <c r="P857" s="6"/>
      <c r="Q857" s="6"/>
    </row>
    <row r="858" spans="1:17">
      <c r="A858" s="6"/>
      <c r="B858" s="6"/>
      <c r="C858" s="6"/>
      <c r="D858" s="6"/>
      <c r="E858" s="6"/>
      <c r="F858" s="43"/>
      <c r="G858" s="6"/>
      <c r="H858" s="43"/>
      <c r="I858" s="6"/>
      <c r="J858" s="43"/>
      <c r="K858" s="6"/>
      <c r="L858" s="43"/>
      <c r="M858" s="6"/>
      <c r="N858" s="43"/>
      <c r="O858" s="6"/>
      <c r="P858" s="6"/>
      <c r="Q858" s="6"/>
    </row>
    <row r="859" spans="1:17">
      <c r="A859" s="6"/>
      <c r="B859" s="6"/>
      <c r="C859" s="6"/>
      <c r="D859" s="6"/>
      <c r="E859" s="6"/>
      <c r="F859" s="43"/>
      <c r="G859" s="6"/>
      <c r="H859" s="43"/>
      <c r="I859" s="6"/>
      <c r="J859" s="43"/>
      <c r="K859" s="6"/>
      <c r="L859" s="43"/>
      <c r="M859" s="6"/>
      <c r="N859" s="43"/>
      <c r="O859" s="6"/>
      <c r="P859" s="6"/>
      <c r="Q859" s="6"/>
    </row>
    <row r="860" spans="1:17">
      <c r="A860" s="6"/>
      <c r="B860" s="6"/>
      <c r="C860" s="6"/>
      <c r="D860" s="6"/>
      <c r="E860" s="6"/>
      <c r="F860" s="43"/>
      <c r="G860" s="6"/>
      <c r="H860" s="43"/>
      <c r="I860" s="6"/>
      <c r="J860" s="43"/>
      <c r="K860" s="6"/>
      <c r="L860" s="43"/>
      <c r="M860" s="6"/>
      <c r="N860" s="43"/>
      <c r="O860" s="6"/>
      <c r="P860" s="6"/>
      <c r="Q860" s="6"/>
    </row>
    <row r="861" spans="1:17">
      <c r="A861" s="6"/>
      <c r="B861" s="6"/>
      <c r="C861" s="6"/>
      <c r="D861" s="6"/>
      <c r="E861" s="6"/>
      <c r="F861" s="43"/>
      <c r="G861" s="6"/>
      <c r="H861" s="43"/>
      <c r="I861" s="6"/>
      <c r="J861" s="43"/>
      <c r="K861" s="6"/>
      <c r="L861" s="43"/>
      <c r="M861" s="6"/>
      <c r="N861" s="43"/>
      <c r="O861" s="6"/>
      <c r="P861" s="6"/>
      <c r="Q861" s="6"/>
    </row>
    <row r="862" spans="1:17">
      <c r="A862" s="6"/>
      <c r="B862" s="6"/>
      <c r="C862" s="6"/>
      <c r="D862" s="6"/>
      <c r="E862" s="6"/>
      <c r="F862" s="43"/>
      <c r="G862" s="6"/>
      <c r="H862" s="43"/>
      <c r="I862" s="6"/>
      <c r="J862" s="43"/>
      <c r="K862" s="6"/>
      <c r="L862" s="43"/>
      <c r="M862" s="6"/>
      <c r="N862" s="43"/>
      <c r="O862" s="6"/>
      <c r="P862" s="6"/>
      <c r="Q862" s="6"/>
    </row>
    <row r="863" spans="1:17">
      <c r="A863" s="6"/>
      <c r="B863" s="6"/>
      <c r="C863" s="6"/>
      <c r="D863" s="6"/>
      <c r="E863" s="6"/>
      <c r="F863" s="43"/>
      <c r="G863" s="6"/>
      <c r="H863" s="43"/>
      <c r="I863" s="6"/>
      <c r="J863" s="43"/>
      <c r="K863" s="6"/>
      <c r="L863" s="43"/>
      <c r="M863" s="6"/>
      <c r="N863" s="43"/>
      <c r="O863" s="6"/>
      <c r="P863" s="6"/>
      <c r="Q863" s="6"/>
    </row>
    <row r="864" spans="1:17">
      <c r="A864" s="6"/>
      <c r="B864" s="6"/>
      <c r="C864" s="6"/>
      <c r="D864" s="6"/>
      <c r="E864" s="6"/>
      <c r="F864" s="43"/>
      <c r="G864" s="6"/>
      <c r="H864" s="43"/>
      <c r="I864" s="6"/>
      <c r="J864" s="43"/>
      <c r="K864" s="6"/>
      <c r="L864" s="43"/>
      <c r="M864" s="6"/>
      <c r="N864" s="43"/>
      <c r="O864" s="6"/>
      <c r="P864" s="6"/>
      <c r="Q864" s="6"/>
    </row>
    <row r="865" spans="1:17">
      <c r="A865" s="6"/>
      <c r="B865" s="6"/>
      <c r="C865" s="6"/>
      <c r="D865" s="6"/>
      <c r="E865" s="6"/>
      <c r="F865" s="43"/>
      <c r="G865" s="6"/>
      <c r="H865" s="43"/>
      <c r="I865" s="6"/>
      <c r="J865" s="43"/>
      <c r="K865" s="6"/>
      <c r="L865" s="43"/>
      <c r="M865" s="6"/>
      <c r="N865" s="43"/>
      <c r="O865" s="6"/>
      <c r="P865" s="6"/>
      <c r="Q865" s="6"/>
    </row>
    <row r="866" spans="1:17">
      <c r="A866" s="6"/>
      <c r="B866" s="6"/>
      <c r="C866" s="6"/>
      <c r="D866" s="6"/>
      <c r="E866" s="6"/>
      <c r="F866" s="43"/>
      <c r="G866" s="6"/>
      <c r="H866" s="43"/>
      <c r="I866" s="6"/>
      <c r="J866" s="43"/>
      <c r="K866" s="6"/>
      <c r="L866" s="43"/>
      <c r="M866" s="6"/>
      <c r="N866" s="43"/>
      <c r="O866" s="6"/>
      <c r="P866" s="6"/>
      <c r="Q866" s="6"/>
    </row>
    <row r="867" spans="1:17">
      <c r="A867" s="6"/>
      <c r="B867" s="6"/>
      <c r="C867" s="6"/>
      <c r="D867" s="6"/>
      <c r="E867" s="6"/>
      <c r="F867" s="43"/>
      <c r="G867" s="6"/>
      <c r="H867" s="43"/>
      <c r="I867" s="6"/>
      <c r="J867" s="43"/>
      <c r="K867" s="6"/>
      <c r="L867" s="43"/>
      <c r="M867" s="6"/>
      <c r="N867" s="43"/>
      <c r="O867" s="6"/>
      <c r="P867" s="6"/>
      <c r="Q867" s="6"/>
    </row>
    <row r="868" spans="1:17">
      <c r="A868" s="6"/>
      <c r="B868" s="6"/>
      <c r="C868" s="6"/>
      <c r="D868" s="6"/>
      <c r="E868" s="6"/>
      <c r="F868" s="43"/>
      <c r="G868" s="6"/>
      <c r="H868" s="43"/>
      <c r="I868" s="6"/>
      <c r="J868" s="43"/>
      <c r="K868" s="6"/>
      <c r="L868" s="43"/>
      <c r="M868" s="6"/>
      <c r="N868" s="43"/>
      <c r="O868" s="6"/>
      <c r="P868" s="6"/>
      <c r="Q868" s="6"/>
    </row>
    <row r="869" spans="1:17">
      <c r="A869" s="6"/>
      <c r="B869" s="6"/>
      <c r="C869" s="6"/>
      <c r="D869" s="6"/>
      <c r="E869" s="6"/>
      <c r="F869" s="43"/>
      <c r="G869" s="6"/>
      <c r="H869" s="43"/>
      <c r="I869" s="6"/>
      <c r="J869" s="43"/>
      <c r="K869" s="6"/>
      <c r="L869" s="43"/>
      <c r="M869" s="6"/>
      <c r="N869" s="43"/>
      <c r="O869" s="6"/>
      <c r="P869" s="6"/>
      <c r="Q869" s="6"/>
    </row>
    <row r="870" spans="1:17">
      <c r="A870" s="6"/>
      <c r="B870" s="6"/>
      <c r="C870" s="6"/>
      <c r="D870" s="6"/>
      <c r="E870" s="6"/>
      <c r="F870" s="43"/>
      <c r="G870" s="6"/>
      <c r="H870" s="43"/>
      <c r="I870" s="6"/>
      <c r="J870" s="43"/>
      <c r="K870" s="6"/>
      <c r="L870" s="43"/>
      <c r="M870" s="6"/>
      <c r="N870" s="43"/>
      <c r="O870" s="6"/>
      <c r="P870" s="6"/>
      <c r="Q870" s="6"/>
    </row>
    <row r="871" spans="1:17">
      <c r="A871" s="6"/>
      <c r="B871" s="6"/>
      <c r="C871" s="6"/>
      <c r="D871" s="6"/>
      <c r="E871" s="6"/>
      <c r="F871" s="43"/>
      <c r="G871" s="6"/>
      <c r="H871" s="43"/>
      <c r="I871" s="6"/>
      <c r="J871" s="43"/>
      <c r="K871" s="6"/>
      <c r="L871" s="43"/>
      <c r="M871" s="6"/>
      <c r="N871" s="43"/>
      <c r="O871" s="6"/>
      <c r="P871" s="6"/>
      <c r="Q871" s="6"/>
    </row>
    <row r="872" spans="1:17">
      <c r="A872" s="6"/>
      <c r="B872" s="6"/>
      <c r="C872" s="6"/>
      <c r="D872" s="6"/>
      <c r="E872" s="6"/>
      <c r="F872" s="43"/>
      <c r="G872" s="6"/>
      <c r="H872" s="43"/>
      <c r="I872" s="6"/>
      <c r="J872" s="43"/>
      <c r="K872" s="6"/>
      <c r="L872" s="43"/>
      <c r="M872" s="6"/>
      <c r="N872" s="43"/>
      <c r="O872" s="6"/>
      <c r="P872" s="6"/>
      <c r="Q872" s="6"/>
    </row>
    <row r="873" spans="1:17">
      <c r="A873" s="6"/>
      <c r="B873" s="6"/>
      <c r="C873" s="6"/>
      <c r="D873" s="6"/>
      <c r="E873" s="6"/>
      <c r="F873" s="43"/>
      <c r="G873" s="6"/>
      <c r="H873" s="43"/>
      <c r="I873" s="6"/>
      <c r="J873" s="43"/>
      <c r="K873" s="6"/>
      <c r="L873" s="43"/>
      <c r="M873" s="6"/>
      <c r="N873" s="43"/>
      <c r="O873" s="6"/>
      <c r="P873" s="6"/>
      <c r="Q873" s="6"/>
    </row>
    <row r="874" spans="1:17">
      <c r="A874" s="6"/>
      <c r="B874" s="6"/>
      <c r="C874" s="6"/>
      <c r="D874" s="6"/>
      <c r="E874" s="6"/>
      <c r="F874" s="43"/>
      <c r="G874" s="6"/>
      <c r="H874" s="43"/>
      <c r="I874" s="6"/>
      <c r="J874" s="43"/>
      <c r="K874" s="6"/>
      <c r="L874" s="43"/>
      <c r="M874" s="6"/>
      <c r="N874" s="43"/>
      <c r="O874" s="6"/>
      <c r="P874" s="6"/>
      <c r="Q874" s="6"/>
    </row>
    <row r="875" spans="1:17">
      <c r="A875" s="6"/>
      <c r="B875" s="6"/>
      <c r="C875" s="6"/>
      <c r="D875" s="6"/>
      <c r="E875" s="6"/>
      <c r="F875" s="43"/>
      <c r="G875" s="6"/>
      <c r="H875" s="43"/>
      <c r="I875" s="6"/>
      <c r="J875" s="43"/>
      <c r="K875" s="6"/>
      <c r="L875" s="43"/>
      <c r="M875" s="6"/>
      <c r="N875" s="43"/>
      <c r="O875" s="6"/>
      <c r="P875" s="6"/>
      <c r="Q875" s="6"/>
    </row>
    <row r="876" spans="1:17">
      <c r="A876" s="6"/>
      <c r="B876" s="6"/>
      <c r="C876" s="6"/>
      <c r="D876" s="6"/>
      <c r="E876" s="6"/>
      <c r="F876" s="43"/>
      <c r="G876" s="6"/>
      <c r="H876" s="43"/>
      <c r="I876" s="6"/>
      <c r="J876" s="43"/>
      <c r="K876" s="6"/>
      <c r="L876" s="43"/>
      <c r="M876" s="6"/>
      <c r="N876" s="43"/>
      <c r="O876" s="6"/>
      <c r="P876" s="6"/>
      <c r="Q876" s="6"/>
    </row>
    <row r="877" spans="1:17">
      <c r="A877" s="6"/>
      <c r="B877" s="6"/>
      <c r="C877" s="6"/>
      <c r="D877" s="6"/>
      <c r="E877" s="6"/>
      <c r="F877" s="43"/>
      <c r="G877" s="6"/>
      <c r="H877" s="43"/>
      <c r="I877" s="6"/>
      <c r="J877" s="43"/>
      <c r="K877" s="6"/>
      <c r="L877" s="43"/>
      <c r="M877" s="6"/>
      <c r="N877" s="43"/>
      <c r="O877" s="6"/>
      <c r="P877" s="6"/>
      <c r="Q877" s="6"/>
    </row>
    <row r="878" spans="1:17">
      <c r="A878" s="6"/>
      <c r="B878" s="6"/>
      <c r="C878" s="6"/>
      <c r="D878" s="6"/>
      <c r="E878" s="6"/>
      <c r="F878" s="43"/>
      <c r="G878" s="6"/>
      <c r="H878" s="43"/>
      <c r="I878" s="6"/>
      <c r="J878" s="43"/>
      <c r="K878" s="6"/>
      <c r="L878" s="43"/>
      <c r="M878" s="6"/>
      <c r="N878" s="43"/>
      <c r="O878" s="6"/>
      <c r="P878" s="6"/>
      <c r="Q878" s="6"/>
    </row>
    <row r="879" spans="1:17">
      <c r="A879" s="6"/>
      <c r="B879" s="6"/>
      <c r="C879" s="6"/>
      <c r="D879" s="6"/>
      <c r="E879" s="6"/>
      <c r="F879" s="43"/>
      <c r="G879" s="6"/>
      <c r="H879" s="43"/>
      <c r="I879" s="6"/>
      <c r="J879" s="43"/>
      <c r="K879" s="6"/>
      <c r="L879" s="43"/>
      <c r="M879" s="6"/>
      <c r="N879" s="43"/>
      <c r="O879" s="6"/>
      <c r="P879" s="6"/>
      <c r="Q879" s="6"/>
    </row>
    <row r="880" spans="1:17">
      <c r="A880" s="6"/>
      <c r="B880" s="6"/>
      <c r="C880" s="6"/>
      <c r="D880" s="6"/>
      <c r="E880" s="6"/>
      <c r="F880" s="43"/>
      <c r="G880" s="6"/>
      <c r="H880" s="43"/>
      <c r="I880" s="6"/>
      <c r="J880" s="43"/>
      <c r="K880" s="6"/>
      <c r="L880" s="43"/>
      <c r="M880" s="6"/>
      <c r="N880" s="43"/>
      <c r="O880" s="6"/>
      <c r="P880" s="6"/>
      <c r="Q880" s="6"/>
    </row>
    <row r="881" spans="1:17">
      <c r="A881" s="6"/>
      <c r="B881" s="6"/>
      <c r="C881" s="6"/>
      <c r="D881" s="6"/>
      <c r="E881" s="6"/>
      <c r="F881" s="43"/>
      <c r="G881" s="6"/>
      <c r="H881" s="43"/>
      <c r="I881" s="6"/>
      <c r="J881" s="43"/>
      <c r="K881" s="6"/>
      <c r="L881" s="43"/>
      <c r="M881" s="6"/>
      <c r="N881" s="43"/>
      <c r="O881" s="6"/>
      <c r="P881" s="6"/>
      <c r="Q881" s="6"/>
    </row>
    <row r="882" spans="1:17">
      <c r="A882" s="6"/>
      <c r="B882" s="6"/>
      <c r="C882" s="6"/>
      <c r="D882" s="6"/>
      <c r="E882" s="6"/>
      <c r="F882" s="43"/>
      <c r="G882" s="6"/>
      <c r="H882" s="43"/>
      <c r="I882" s="6"/>
      <c r="J882" s="43"/>
      <c r="K882" s="6"/>
      <c r="L882" s="43"/>
      <c r="M882" s="6"/>
      <c r="N882" s="43"/>
      <c r="O882" s="6"/>
      <c r="P882" s="6"/>
      <c r="Q882" s="6"/>
    </row>
    <row r="883" spans="1:17">
      <c r="A883" s="6"/>
      <c r="B883" s="6"/>
      <c r="C883" s="6"/>
      <c r="D883" s="6"/>
      <c r="E883" s="6"/>
      <c r="F883" s="43"/>
      <c r="G883" s="6"/>
      <c r="H883" s="43"/>
      <c r="I883" s="6"/>
      <c r="J883" s="43"/>
      <c r="K883" s="6"/>
      <c r="L883" s="43"/>
      <c r="M883" s="6"/>
      <c r="N883" s="43"/>
      <c r="O883" s="6"/>
      <c r="P883" s="6"/>
      <c r="Q883" s="6"/>
    </row>
    <row r="884" spans="1:17">
      <c r="A884" s="6"/>
      <c r="B884" s="6"/>
      <c r="C884" s="6"/>
      <c r="D884" s="6"/>
      <c r="E884" s="6"/>
      <c r="F884" s="43"/>
      <c r="G884" s="6"/>
      <c r="H884" s="43"/>
      <c r="I884" s="6"/>
      <c r="J884" s="43"/>
      <c r="K884" s="6"/>
      <c r="L884" s="43"/>
      <c r="M884" s="6"/>
      <c r="N884" s="43"/>
      <c r="O884" s="6"/>
      <c r="P884" s="6"/>
      <c r="Q884" s="6"/>
    </row>
    <row r="885" spans="1:17">
      <c r="A885" s="6"/>
      <c r="B885" s="6"/>
      <c r="C885" s="6"/>
      <c r="D885" s="6"/>
      <c r="E885" s="6"/>
      <c r="F885" s="43"/>
      <c r="G885" s="6"/>
      <c r="H885" s="43"/>
      <c r="I885" s="6"/>
      <c r="J885" s="43"/>
      <c r="K885" s="6"/>
      <c r="L885" s="43"/>
      <c r="M885" s="6"/>
      <c r="N885" s="43"/>
      <c r="O885" s="6"/>
      <c r="P885" s="6"/>
      <c r="Q885" s="6"/>
    </row>
    <row r="886" spans="1:17">
      <c r="A886" s="6"/>
      <c r="B886" s="6"/>
      <c r="C886" s="6"/>
      <c r="D886" s="6"/>
      <c r="E886" s="6"/>
      <c r="F886" s="43"/>
      <c r="G886" s="6"/>
      <c r="H886" s="43"/>
      <c r="I886" s="6"/>
      <c r="J886" s="43"/>
      <c r="K886" s="6"/>
      <c r="L886" s="43"/>
      <c r="M886" s="6"/>
      <c r="N886" s="43"/>
      <c r="O886" s="6"/>
      <c r="P886" s="6"/>
      <c r="Q886" s="6"/>
    </row>
    <row r="887" spans="1:17">
      <c r="A887" s="6"/>
      <c r="B887" s="6"/>
      <c r="C887" s="6"/>
      <c r="D887" s="6"/>
      <c r="E887" s="6"/>
      <c r="F887" s="43"/>
      <c r="G887" s="6"/>
      <c r="H887" s="43"/>
      <c r="I887" s="6"/>
      <c r="J887" s="43"/>
      <c r="K887" s="6"/>
      <c r="L887" s="43"/>
      <c r="M887" s="6"/>
      <c r="N887" s="43"/>
      <c r="O887" s="6"/>
      <c r="P887" s="6"/>
      <c r="Q887" s="6"/>
    </row>
    <row r="888" spans="1:17">
      <c r="A888" s="6"/>
      <c r="B888" s="6"/>
      <c r="C888" s="6"/>
      <c r="D888" s="6"/>
      <c r="E888" s="6"/>
      <c r="F888" s="43"/>
      <c r="G888" s="6"/>
      <c r="H888" s="43"/>
      <c r="I888" s="6"/>
      <c r="J888" s="43"/>
      <c r="K888" s="6"/>
      <c r="L888" s="43"/>
      <c r="M888" s="6"/>
      <c r="N888" s="43"/>
      <c r="O888" s="6"/>
      <c r="P888" s="6"/>
      <c r="Q888" s="6"/>
    </row>
    <row r="889" spans="1:17">
      <c r="A889" s="6"/>
      <c r="B889" s="6"/>
      <c r="C889" s="6"/>
      <c r="D889" s="6"/>
      <c r="E889" s="6"/>
      <c r="F889" s="43"/>
      <c r="G889" s="6"/>
      <c r="H889" s="43"/>
      <c r="I889" s="6"/>
      <c r="J889" s="43"/>
      <c r="K889" s="6"/>
      <c r="L889" s="43"/>
      <c r="M889" s="6"/>
      <c r="N889" s="43"/>
      <c r="O889" s="6"/>
      <c r="P889" s="6"/>
      <c r="Q889" s="6"/>
    </row>
    <row r="890" spans="1:17">
      <c r="A890" s="6"/>
      <c r="B890" s="6"/>
      <c r="C890" s="6"/>
      <c r="D890" s="6"/>
      <c r="E890" s="6"/>
      <c r="F890" s="43"/>
      <c r="G890" s="6"/>
      <c r="H890" s="43"/>
      <c r="I890" s="6"/>
      <c r="J890" s="43"/>
      <c r="K890" s="6"/>
      <c r="L890" s="43"/>
      <c r="M890" s="6"/>
      <c r="N890" s="43"/>
      <c r="O890" s="6"/>
      <c r="P890" s="6"/>
      <c r="Q890" s="6"/>
    </row>
    <row r="891" spans="1:17">
      <c r="A891" s="6"/>
      <c r="B891" s="6"/>
      <c r="C891" s="6"/>
      <c r="D891" s="6"/>
      <c r="E891" s="6"/>
      <c r="F891" s="43"/>
      <c r="G891" s="6"/>
      <c r="H891" s="43"/>
      <c r="I891" s="6"/>
      <c r="J891" s="43"/>
      <c r="K891" s="6"/>
      <c r="L891" s="43"/>
      <c r="M891" s="6"/>
      <c r="N891" s="43"/>
      <c r="O891" s="6"/>
      <c r="P891" s="6"/>
      <c r="Q891" s="6"/>
    </row>
    <row r="892" spans="1:17">
      <c r="A892" s="6"/>
      <c r="B892" s="6"/>
      <c r="C892" s="6"/>
      <c r="D892" s="6"/>
      <c r="E892" s="6"/>
      <c r="F892" s="43"/>
      <c r="G892" s="6"/>
      <c r="H892" s="43"/>
      <c r="I892" s="6"/>
      <c r="J892" s="43"/>
      <c r="K892" s="6"/>
      <c r="L892" s="43"/>
      <c r="M892" s="6"/>
      <c r="N892" s="43"/>
      <c r="O892" s="6"/>
      <c r="P892" s="6"/>
      <c r="Q892" s="6"/>
    </row>
    <row r="893" spans="1:17">
      <c r="A893" s="6"/>
      <c r="B893" s="6"/>
      <c r="C893" s="6"/>
      <c r="D893" s="6"/>
      <c r="E893" s="6"/>
      <c r="F893" s="43"/>
      <c r="G893" s="6"/>
      <c r="H893" s="43"/>
      <c r="I893" s="6"/>
      <c r="J893" s="43"/>
      <c r="K893" s="6"/>
      <c r="L893" s="43"/>
      <c r="M893" s="6"/>
      <c r="N893" s="43"/>
      <c r="O893" s="6"/>
      <c r="P893" s="6"/>
      <c r="Q893" s="6"/>
    </row>
    <row r="894" spans="1:17">
      <c r="A894" s="6"/>
      <c r="B894" s="6"/>
      <c r="C894" s="6"/>
      <c r="D894" s="6"/>
      <c r="E894" s="6"/>
      <c r="F894" s="43"/>
      <c r="G894" s="6"/>
      <c r="H894" s="43"/>
      <c r="I894" s="6"/>
      <c r="J894" s="43"/>
      <c r="K894" s="6"/>
      <c r="L894" s="43"/>
      <c r="M894" s="6"/>
      <c r="N894" s="43"/>
      <c r="O894" s="6"/>
      <c r="P894" s="6"/>
      <c r="Q894" s="6"/>
    </row>
    <row r="895" spans="1:17">
      <c r="A895" s="6"/>
      <c r="B895" s="6"/>
      <c r="C895" s="6"/>
      <c r="D895" s="6"/>
      <c r="E895" s="6"/>
      <c r="F895" s="43"/>
      <c r="G895" s="6"/>
      <c r="H895" s="43"/>
      <c r="I895" s="6"/>
      <c r="J895" s="43"/>
      <c r="K895" s="6"/>
      <c r="L895" s="43"/>
      <c r="M895" s="6"/>
      <c r="N895" s="43"/>
      <c r="O895" s="6"/>
      <c r="P895" s="6"/>
      <c r="Q895" s="6"/>
    </row>
    <row r="896" spans="1:17">
      <c r="A896" s="6"/>
      <c r="B896" s="6"/>
      <c r="C896" s="6"/>
      <c r="D896" s="6"/>
      <c r="E896" s="6"/>
      <c r="F896" s="43"/>
      <c r="G896" s="6"/>
      <c r="H896" s="43"/>
      <c r="I896" s="6"/>
      <c r="J896" s="43"/>
      <c r="K896" s="6"/>
      <c r="L896" s="43"/>
      <c r="M896" s="6"/>
      <c r="N896" s="43"/>
      <c r="O896" s="6"/>
      <c r="P896" s="6"/>
      <c r="Q896" s="6"/>
    </row>
    <row r="897" spans="1:17">
      <c r="A897" s="6"/>
      <c r="B897" s="6"/>
      <c r="C897" s="6"/>
      <c r="D897" s="6"/>
      <c r="E897" s="6"/>
      <c r="F897" s="43"/>
      <c r="G897" s="6"/>
      <c r="H897" s="43"/>
      <c r="I897" s="6"/>
      <c r="J897" s="43"/>
      <c r="K897" s="6"/>
      <c r="L897" s="43"/>
      <c r="M897" s="6"/>
      <c r="N897" s="43"/>
      <c r="O897" s="6"/>
      <c r="P897" s="6"/>
      <c r="Q897" s="6"/>
    </row>
    <row r="898" spans="1:17">
      <c r="A898" s="6"/>
      <c r="B898" s="6"/>
      <c r="C898" s="6"/>
      <c r="D898" s="6"/>
      <c r="E898" s="6"/>
      <c r="F898" s="43"/>
      <c r="G898" s="6"/>
      <c r="H898" s="43"/>
      <c r="I898" s="6"/>
      <c r="J898" s="43"/>
      <c r="K898" s="6"/>
      <c r="L898" s="43"/>
      <c r="M898" s="6"/>
      <c r="N898" s="43"/>
      <c r="O898" s="6"/>
      <c r="P898" s="6"/>
      <c r="Q898" s="6"/>
    </row>
    <row r="899" spans="1:17">
      <c r="A899" s="6"/>
      <c r="B899" s="6"/>
      <c r="C899" s="6"/>
      <c r="D899" s="6"/>
      <c r="E899" s="6"/>
      <c r="F899" s="43"/>
      <c r="G899" s="6"/>
      <c r="H899" s="43"/>
      <c r="I899" s="6"/>
      <c r="J899" s="43"/>
      <c r="K899" s="6"/>
      <c r="L899" s="43"/>
      <c r="M899" s="6"/>
      <c r="N899" s="43"/>
      <c r="O899" s="6"/>
      <c r="P899" s="6"/>
      <c r="Q899" s="6"/>
    </row>
    <row r="900" spans="1:17">
      <c r="A900" s="6"/>
      <c r="B900" s="6"/>
      <c r="C900" s="6"/>
      <c r="D900" s="6"/>
      <c r="E900" s="6"/>
      <c r="F900" s="43"/>
      <c r="G900" s="6"/>
      <c r="H900" s="43"/>
      <c r="I900" s="6"/>
      <c r="J900" s="43"/>
      <c r="K900" s="6"/>
      <c r="L900" s="43"/>
      <c r="M900" s="6"/>
      <c r="N900" s="43"/>
      <c r="O900" s="6"/>
      <c r="P900" s="6"/>
      <c r="Q900" s="6"/>
    </row>
    <row r="901" spans="1:17">
      <c r="A901" s="6"/>
      <c r="B901" s="6"/>
      <c r="C901" s="6"/>
      <c r="D901" s="6"/>
      <c r="E901" s="6"/>
      <c r="F901" s="43"/>
      <c r="G901" s="6"/>
      <c r="H901" s="43"/>
      <c r="I901" s="6"/>
      <c r="J901" s="43"/>
      <c r="K901" s="6"/>
      <c r="L901" s="43"/>
      <c r="M901" s="6"/>
      <c r="N901" s="43"/>
      <c r="O901" s="6"/>
      <c r="P901" s="6"/>
      <c r="Q901" s="6"/>
    </row>
    <row r="902" spans="1:17">
      <c r="A902" s="6"/>
      <c r="B902" s="6"/>
      <c r="C902" s="6"/>
      <c r="D902" s="6"/>
      <c r="E902" s="6"/>
      <c r="F902" s="43"/>
      <c r="G902" s="6"/>
      <c r="H902" s="43"/>
      <c r="I902" s="6"/>
      <c r="J902" s="43"/>
      <c r="K902" s="6"/>
      <c r="L902" s="43"/>
      <c r="M902" s="6"/>
      <c r="N902" s="43"/>
      <c r="O902" s="6"/>
      <c r="P902" s="6"/>
      <c r="Q902" s="6"/>
    </row>
    <row r="903" spans="1:17">
      <c r="A903" s="6"/>
      <c r="B903" s="6"/>
      <c r="C903" s="6"/>
      <c r="D903" s="6"/>
      <c r="E903" s="6"/>
      <c r="F903" s="43"/>
      <c r="G903" s="6"/>
      <c r="H903" s="43"/>
      <c r="I903" s="6"/>
      <c r="J903" s="43"/>
      <c r="K903" s="6"/>
      <c r="L903" s="43"/>
      <c r="M903" s="6"/>
      <c r="N903" s="43"/>
      <c r="O903" s="6"/>
      <c r="P903" s="6"/>
      <c r="Q903" s="6"/>
    </row>
    <row r="904" spans="1:17">
      <c r="A904" s="6"/>
      <c r="B904" s="6"/>
      <c r="C904" s="6"/>
      <c r="D904" s="6"/>
      <c r="E904" s="6"/>
      <c r="F904" s="43"/>
      <c r="G904" s="6"/>
      <c r="H904" s="43"/>
      <c r="I904" s="6"/>
      <c r="J904" s="43"/>
      <c r="K904" s="6"/>
      <c r="L904" s="43"/>
      <c r="M904" s="6"/>
      <c r="N904" s="43"/>
      <c r="O904" s="6"/>
      <c r="P904" s="6"/>
      <c r="Q904" s="6"/>
    </row>
    <row r="905" spans="1:17">
      <c r="A905" s="6"/>
      <c r="B905" s="6"/>
      <c r="C905" s="6"/>
      <c r="D905" s="6"/>
      <c r="E905" s="6"/>
      <c r="F905" s="43"/>
      <c r="G905" s="6"/>
      <c r="H905" s="43"/>
      <c r="I905" s="6"/>
      <c r="J905" s="43"/>
      <c r="K905" s="6"/>
      <c r="L905" s="43"/>
      <c r="M905" s="6"/>
      <c r="N905" s="43"/>
      <c r="O905" s="6"/>
      <c r="P905" s="6"/>
      <c r="Q905" s="6"/>
    </row>
    <row r="906" spans="1:17">
      <c r="A906" s="6"/>
      <c r="B906" s="6"/>
      <c r="C906" s="6"/>
      <c r="D906" s="6"/>
      <c r="E906" s="6"/>
      <c r="F906" s="43"/>
      <c r="G906" s="6"/>
      <c r="H906" s="43"/>
      <c r="I906" s="6"/>
      <c r="J906" s="43"/>
      <c r="K906" s="6"/>
      <c r="L906" s="43"/>
      <c r="M906" s="6"/>
      <c r="N906" s="43"/>
      <c r="O906" s="6"/>
      <c r="P906" s="6"/>
      <c r="Q906" s="6"/>
    </row>
    <row r="907" spans="1:17">
      <c r="A907" s="6"/>
      <c r="B907" s="6"/>
      <c r="C907" s="6"/>
      <c r="D907" s="6"/>
      <c r="E907" s="6"/>
      <c r="F907" s="43"/>
      <c r="G907" s="6"/>
      <c r="H907" s="43"/>
      <c r="I907" s="6"/>
      <c r="J907" s="43"/>
      <c r="K907" s="6"/>
      <c r="L907" s="43"/>
      <c r="M907" s="6"/>
      <c r="N907" s="43"/>
      <c r="O907" s="6"/>
      <c r="P907" s="6"/>
      <c r="Q907" s="6"/>
    </row>
    <row r="908" spans="1:17">
      <c r="A908" s="6"/>
      <c r="B908" s="6"/>
      <c r="C908" s="6"/>
      <c r="D908" s="6"/>
      <c r="E908" s="6"/>
      <c r="F908" s="43"/>
      <c r="G908" s="6"/>
      <c r="H908" s="43"/>
      <c r="I908" s="6"/>
      <c r="J908" s="43"/>
      <c r="K908" s="6"/>
      <c r="L908" s="43"/>
      <c r="M908" s="6"/>
      <c r="N908" s="43"/>
      <c r="O908" s="6"/>
      <c r="P908" s="6"/>
      <c r="Q908" s="6"/>
    </row>
    <row r="909" spans="1:17">
      <c r="A909" s="6"/>
      <c r="B909" s="6"/>
      <c r="C909" s="6"/>
      <c r="D909" s="6"/>
      <c r="E909" s="6"/>
      <c r="F909" s="43"/>
      <c r="G909" s="6"/>
      <c r="H909" s="43"/>
      <c r="I909" s="6"/>
      <c r="J909" s="43"/>
      <c r="K909" s="6"/>
      <c r="L909" s="43"/>
      <c r="M909" s="6"/>
      <c r="N909" s="43"/>
      <c r="O909" s="6"/>
      <c r="P909" s="6"/>
      <c r="Q909" s="6"/>
    </row>
    <row r="910" spans="1:17">
      <c r="A910" s="6"/>
      <c r="B910" s="6"/>
      <c r="C910" s="6"/>
      <c r="D910" s="6"/>
      <c r="E910" s="6"/>
      <c r="F910" s="43"/>
      <c r="G910" s="6"/>
      <c r="H910" s="43"/>
      <c r="I910" s="6"/>
      <c r="J910" s="43"/>
      <c r="K910" s="6"/>
      <c r="L910" s="43"/>
      <c r="M910" s="6"/>
      <c r="N910" s="43"/>
      <c r="O910" s="6"/>
      <c r="P910" s="6"/>
      <c r="Q910" s="6"/>
    </row>
    <row r="911" spans="1:17">
      <c r="A911" s="6"/>
      <c r="B911" s="6"/>
      <c r="C911" s="6"/>
      <c r="D911" s="6"/>
      <c r="E911" s="6"/>
      <c r="F911" s="43"/>
      <c r="G911" s="6"/>
      <c r="H911" s="43"/>
      <c r="I911" s="6"/>
      <c r="J911" s="43"/>
      <c r="K911" s="6"/>
      <c r="L911" s="43"/>
      <c r="M911" s="6"/>
      <c r="N911" s="43"/>
      <c r="O911" s="6"/>
      <c r="P911" s="6"/>
      <c r="Q911" s="6"/>
    </row>
    <row r="912" spans="1:17">
      <c r="A912" s="6"/>
      <c r="B912" s="6"/>
      <c r="C912" s="6"/>
      <c r="D912" s="6"/>
      <c r="E912" s="6"/>
      <c r="F912" s="43"/>
      <c r="G912" s="6"/>
      <c r="H912" s="43"/>
      <c r="I912" s="6"/>
      <c r="J912" s="43"/>
      <c r="K912" s="6"/>
      <c r="L912" s="43"/>
      <c r="M912" s="6"/>
      <c r="N912" s="43"/>
      <c r="O912" s="6"/>
      <c r="P912" s="6"/>
      <c r="Q912" s="6"/>
    </row>
    <row r="913" spans="1:17">
      <c r="A913" s="6"/>
      <c r="B913" s="6"/>
      <c r="C913" s="6"/>
      <c r="D913" s="6"/>
      <c r="E913" s="6"/>
      <c r="F913" s="43"/>
      <c r="G913" s="6"/>
      <c r="H913" s="43"/>
      <c r="I913" s="6"/>
      <c r="J913" s="43"/>
      <c r="K913" s="6"/>
      <c r="L913" s="43"/>
      <c r="M913" s="6"/>
      <c r="N913" s="43"/>
      <c r="O913" s="6"/>
      <c r="P913" s="6"/>
      <c r="Q913" s="6"/>
    </row>
    <row r="914" spans="1:17">
      <c r="A914" s="6"/>
      <c r="B914" s="6"/>
      <c r="C914" s="6"/>
      <c r="D914" s="6"/>
      <c r="E914" s="6"/>
      <c r="F914" s="43"/>
      <c r="G914" s="6"/>
      <c r="H914" s="43"/>
      <c r="I914" s="6"/>
      <c r="J914" s="43"/>
      <c r="K914" s="6"/>
      <c r="L914" s="43"/>
      <c r="M914" s="6"/>
      <c r="N914" s="43"/>
      <c r="O914" s="6"/>
      <c r="P914" s="6"/>
      <c r="Q914" s="6"/>
    </row>
    <row r="915" spans="1:17">
      <c r="A915" s="6"/>
      <c r="B915" s="6"/>
      <c r="C915" s="6"/>
      <c r="D915" s="6"/>
      <c r="E915" s="6"/>
      <c r="F915" s="43"/>
      <c r="G915" s="6"/>
      <c r="H915" s="43"/>
      <c r="I915" s="6"/>
      <c r="J915" s="43"/>
      <c r="K915" s="6"/>
      <c r="L915" s="43"/>
      <c r="M915" s="6"/>
      <c r="N915" s="43"/>
      <c r="O915" s="6"/>
      <c r="P915" s="6"/>
      <c r="Q915" s="6"/>
    </row>
    <row r="916" spans="1:17">
      <c r="A916" s="6"/>
      <c r="B916" s="6"/>
      <c r="C916" s="6"/>
      <c r="D916" s="6"/>
      <c r="E916" s="6"/>
      <c r="F916" s="43"/>
      <c r="G916" s="6"/>
      <c r="H916" s="43"/>
      <c r="I916" s="6"/>
      <c r="J916" s="43"/>
      <c r="K916" s="6"/>
      <c r="L916" s="43"/>
      <c r="M916" s="6"/>
      <c r="N916" s="43"/>
      <c r="O916" s="6"/>
      <c r="P916" s="6"/>
      <c r="Q916" s="6"/>
    </row>
    <row r="917" spans="1:17">
      <c r="A917" s="6"/>
      <c r="B917" s="6"/>
      <c r="C917" s="6"/>
      <c r="D917" s="6"/>
      <c r="E917" s="6"/>
      <c r="F917" s="43"/>
      <c r="G917" s="6"/>
      <c r="H917" s="43"/>
      <c r="I917" s="6"/>
      <c r="J917" s="43"/>
      <c r="K917" s="6"/>
      <c r="L917" s="43"/>
      <c r="M917" s="6"/>
      <c r="N917" s="43"/>
      <c r="O917" s="6"/>
      <c r="P917" s="6"/>
      <c r="Q917" s="6"/>
    </row>
    <row r="918" spans="1:17">
      <c r="A918" s="6"/>
      <c r="B918" s="6"/>
      <c r="C918" s="6"/>
      <c r="D918" s="6"/>
      <c r="E918" s="6"/>
      <c r="F918" s="43"/>
      <c r="G918" s="6"/>
      <c r="H918" s="43"/>
      <c r="I918" s="6"/>
      <c r="J918" s="43"/>
      <c r="K918" s="6"/>
      <c r="L918" s="43"/>
      <c r="M918" s="6"/>
      <c r="N918" s="43"/>
      <c r="O918" s="6"/>
      <c r="P918" s="6"/>
      <c r="Q918" s="6"/>
    </row>
    <row r="919" spans="1:17">
      <c r="A919" s="6"/>
      <c r="B919" s="6"/>
      <c r="C919" s="6"/>
      <c r="D919" s="6"/>
      <c r="E919" s="6"/>
      <c r="F919" s="43"/>
      <c r="G919" s="6"/>
      <c r="H919" s="43"/>
      <c r="I919" s="6"/>
      <c r="J919" s="43"/>
      <c r="K919" s="6"/>
      <c r="L919" s="43"/>
      <c r="M919" s="6"/>
      <c r="N919" s="43"/>
      <c r="O919" s="6"/>
      <c r="P919" s="6"/>
      <c r="Q919" s="6"/>
    </row>
    <row r="920" spans="1:17">
      <c r="A920" s="6"/>
      <c r="B920" s="6"/>
      <c r="C920" s="6"/>
      <c r="D920" s="6"/>
      <c r="E920" s="6"/>
      <c r="F920" s="43"/>
      <c r="G920" s="6"/>
      <c r="H920" s="43"/>
      <c r="I920" s="6"/>
      <c r="J920" s="43"/>
      <c r="K920" s="6"/>
      <c r="L920" s="43"/>
      <c r="M920" s="6"/>
      <c r="N920" s="43"/>
      <c r="O920" s="6"/>
      <c r="P920" s="6"/>
      <c r="Q920" s="6"/>
    </row>
    <row r="921" spans="1:17">
      <c r="A921" s="6"/>
      <c r="B921" s="6"/>
      <c r="C921" s="6"/>
      <c r="D921" s="6"/>
      <c r="E921" s="6"/>
      <c r="F921" s="43"/>
      <c r="G921" s="6"/>
      <c r="H921" s="43"/>
      <c r="I921" s="6"/>
      <c r="J921" s="43"/>
      <c r="K921" s="6"/>
      <c r="L921" s="43"/>
      <c r="M921" s="6"/>
      <c r="N921" s="43"/>
      <c r="O921" s="6"/>
      <c r="P921" s="6"/>
      <c r="Q921" s="6"/>
    </row>
    <row r="922" spans="1:17">
      <c r="A922" s="6"/>
      <c r="B922" s="6"/>
      <c r="C922" s="6"/>
      <c r="D922" s="6"/>
      <c r="E922" s="6"/>
      <c r="F922" s="43"/>
      <c r="G922" s="6"/>
      <c r="H922" s="43"/>
      <c r="I922" s="6"/>
      <c r="J922" s="43"/>
      <c r="K922" s="6"/>
      <c r="L922" s="43"/>
      <c r="M922" s="6"/>
      <c r="N922" s="43"/>
      <c r="O922" s="6"/>
      <c r="P922" s="6"/>
      <c r="Q922" s="6"/>
    </row>
    <row r="923" spans="1:17">
      <c r="A923" s="6"/>
      <c r="B923" s="6"/>
      <c r="C923" s="6"/>
      <c r="D923" s="6"/>
      <c r="E923" s="6"/>
      <c r="F923" s="43"/>
      <c r="G923" s="6"/>
      <c r="H923" s="43"/>
      <c r="I923" s="6"/>
      <c r="J923" s="43"/>
      <c r="K923" s="6"/>
      <c r="L923" s="43"/>
      <c r="M923" s="6"/>
      <c r="N923" s="43"/>
      <c r="O923" s="6"/>
      <c r="P923" s="6"/>
      <c r="Q923" s="6"/>
    </row>
    <row r="924" spans="1:17">
      <c r="A924" s="6"/>
      <c r="B924" s="6"/>
      <c r="C924" s="6"/>
      <c r="D924" s="6"/>
      <c r="E924" s="6"/>
      <c r="F924" s="43"/>
      <c r="G924" s="6"/>
      <c r="H924" s="43"/>
      <c r="I924" s="6"/>
      <c r="J924" s="43"/>
      <c r="K924" s="6"/>
      <c r="L924" s="43"/>
      <c r="M924" s="6"/>
      <c r="N924" s="43"/>
      <c r="O924" s="6"/>
      <c r="P924" s="6"/>
      <c r="Q924" s="6"/>
    </row>
    <row r="925" spans="1:17">
      <c r="A925" s="6"/>
      <c r="B925" s="6"/>
      <c r="C925" s="6"/>
      <c r="D925" s="6"/>
      <c r="E925" s="6"/>
      <c r="F925" s="43"/>
      <c r="G925" s="6"/>
      <c r="H925" s="43"/>
      <c r="I925" s="6"/>
      <c r="J925" s="43"/>
      <c r="K925" s="6"/>
      <c r="L925" s="43"/>
      <c r="M925" s="6"/>
      <c r="N925" s="43"/>
      <c r="O925" s="6"/>
      <c r="P925" s="6"/>
      <c r="Q925" s="6"/>
    </row>
    <row r="926" spans="1:17">
      <c r="A926" s="6"/>
      <c r="B926" s="6"/>
      <c r="C926" s="6"/>
      <c r="D926" s="6"/>
      <c r="E926" s="6"/>
      <c r="F926" s="43"/>
      <c r="G926" s="6"/>
      <c r="H926" s="43"/>
      <c r="I926" s="6"/>
      <c r="J926" s="43"/>
      <c r="K926" s="6"/>
      <c r="L926" s="43"/>
      <c r="M926" s="6"/>
      <c r="N926" s="43"/>
      <c r="O926" s="6"/>
      <c r="P926" s="6"/>
      <c r="Q926" s="6"/>
    </row>
    <row r="927" spans="1:17">
      <c r="A927" s="6"/>
      <c r="B927" s="6"/>
      <c r="C927" s="6"/>
      <c r="D927" s="6"/>
      <c r="E927" s="6"/>
      <c r="F927" s="43"/>
      <c r="G927" s="6"/>
      <c r="H927" s="43"/>
      <c r="I927" s="6"/>
      <c r="J927" s="43"/>
      <c r="K927" s="6"/>
      <c r="L927" s="43"/>
      <c r="M927" s="6"/>
      <c r="N927" s="43"/>
      <c r="O927" s="6"/>
      <c r="P927" s="6"/>
      <c r="Q927" s="6"/>
    </row>
    <row r="928" spans="1:17">
      <c r="A928" s="6"/>
      <c r="B928" s="6"/>
      <c r="C928" s="6"/>
      <c r="D928" s="6"/>
      <c r="E928" s="6"/>
      <c r="F928" s="43"/>
      <c r="G928" s="6"/>
      <c r="H928" s="43"/>
      <c r="I928" s="6"/>
      <c r="J928" s="43"/>
      <c r="K928" s="6"/>
      <c r="L928" s="43"/>
      <c r="M928" s="6"/>
      <c r="N928" s="43"/>
      <c r="O928" s="6"/>
      <c r="P928" s="6"/>
      <c r="Q928" s="6"/>
    </row>
    <row r="929" spans="1:17">
      <c r="A929" s="6"/>
      <c r="B929" s="6"/>
      <c r="C929" s="6"/>
      <c r="D929" s="6"/>
      <c r="E929" s="6"/>
      <c r="F929" s="43"/>
      <c r="G929" s="6"/>
      <c r="H929" s="43"/>
      <c r="I929" s="6"/>
      <c r="J929" s="43"/>
      <c r="K929" s="6"/>
      <c r="L929" s="43"/>
      <c r="M929" s="6"/>
      <c r="N929" s="43"/>
      <c r="O929" s="6"/>
      <c r="P929" s="6"/>
      <c r="Q929" s="6"/>
    </row>
    <row r="930" spans="1:17">
      <c r="A930" s="6"/>
      <c r="B930" s="6"/>
      <c r="C930" s="6"/>
      <c r="D930" s="6"/>
      <c r="E930" s="6"/>
      <c r="F930" s="43"/>
      <c r="G930" s="6"/>
      <c r="H930" s="43"/>
      <c r="I930" s="6"/>
      <c r="J930" s="43"/>
      <c r="K930" s="6"/>
      <c r="L930" s="43"/>
      <c r="M930" s="6"/>
      <c r="N930" s="43"/>
      <c r="O930" s="6"/>
      <c r="P930" s="6"/>
      <c r="Q930" s="6"/>
    </row>
    <row r="931" spans="1:17">
      <c r="A931" s="6"/>
      <c r="B931" s="6"/>
      <c r="C931" s="6"/>
      <c r="D931" s="6"/>
      <c r="E931" s="6"/>
      <c r="F931" s="43"/>
      <c r="G931" s="6"/>
      <c r="H931" s="43"/>
      <c r="I931" s="6"/>
      <c r="J931" s="43"/>
      <c r="K931" s="6"/>
      <c r="L931" s="43"/>
      <c r="M931" s="6"/>
      <c r="N931" s="43"/>
      <c r="O931" s="6"/>
      <c r="P931" s="6"/>
      <c r="Q931" s="6"/>
    </row>
    <row r="932" spans="1:17">
      <c r="A932" s="6"/>
      <c r="B932" s="6"/>
      <c r="C932" s="6"/>
      <c r="D932" s="6"/>
      <c r="E932" s="6"/>
      <c r="F932" s="43"/>
      <c r="G932" s="6"/>
      <c r="H932" s="43"/>
      <c r="I932" s="6"/>
      <c r="J932" s="43"/>
      <c r="K932" s="6"/>
      <c r="L932" s="43"/>
      <c r="M932" s="6"/>
      <c r="N932" s="43"/>
      <c r="O932" s="6"/>
      <c r="P932" s="6"/>
      <c r="Q932" s="6"/>
    </row>
    <row r="933" spans="1:17">
      <c r="A933" s="6"/>
      <c r="B933" s="6"/>
      <c r="C933" s="6"/>
      <c r="D933" s="6"/>
      <c r="E933" s="6"/>
      <c r="F933" s="43"/>
      <c r="G933" s="6"/>
      <c r="H933" s="43"/>
      <c r="I933" s="6"/>
      <c r="J933" s="43"/>
      <c r="K933" s="6"/>
      <c r="L933" s="43"/>
      <c r="M933" s="6"/>
      <c r="N933" s="43"/>
      <c r="O933" s="6"/>
      <c r="P933" s="6"/>
      <c r="Q933" s="6"/>
    </row>
    <row r="934" spans="1:17">
      <c r="A934" s="6"/>
      <c r="B934" s="6"/>
      <c r="C934" s="6"/>
      <c r="D934" s="6"/>
      <c r="E934" s="6"/>
      <c r="F934" s="43"/>
      <c r="G934" s="6"/>
      <c r="H934" s="43"/>
      <c r="I934" s="6"/>
      <c r="J934" s="43"/>
      <c r="K934" s="6"/>
      <c r="L934" s="43"/>
      <c r="M934" s="6"/>
      <c r="N934" s="43"/>
      <c r="O934" s="6"/>
      <c r="P934" s="6"/>
      <c r="Q934" s="6"/>
    </row>
    <row r="935" spans="1:17">
      <c r="A935" s="6"/>
      <c r="B935" s="6"/>
      <c r="C935" s="6"/>
      <c r="D935" s="6"/>
      <c r="E935" s="6"/>
      <c r="F935" s="43"/>
      <c r="G935" s="6"/>
      <c r="H935" s="43"/>
      <c r="I935" s="6"/>
      <c r="J935" s="43"/>
      <c r="K935" s="6"/>
      <c r="L935" s="43"/>
      <c r="M935" s="6"/>
      <c r="N935" s="43"/>
      <c r="O935" s="6"/>
      <c r="P935" s="6"/>
      <c r="Q935" s="6"/>
    </row>
    <row r="936" spans="1:17">
      <c r="A936" s="6"/>
      <c r="B936" s="6"/>
      <c r="C936" s="6"/>
      <c r="D936" s="6"/>
      <c r="E936" s="6"/>
      <c r="F936" s="43"/>
      <c r="G936" s="6"/>
      <c r="H936" s="43"/>
      <c r="I936" s="6"/>
      <c r="J936" s="43"/>
      <c r="K936" s="6"/>
      <c r="L936" s="43"/>
      <c r="M936" s="6"/>
      <c r="N936" s="43"/>
      <c r="O936" s="6"/>
      <c r="P936" s="6"/>
      <c r="Q936" s="6"/>
    </row>
    <row r="937" spans="1:17">
      <c r="A937" s="6"/>
      <c r="B937" s="6"/>
      <c r="C937" s="6"/>
      <c r="D937" s="6"/>
      <c r="E937" s="6"/>
      <c r="F937" s="43"/>
      <c r="G937" s="6"/>
      <c r="H937" s="43"/>
      <c r="I937" s="6"/>
      <c r="J937" s="43"/>
      <c r="K937" s="6"/>
      <c r="L937" s="43"/>
      <c r="M937" s="6"/>
      <c r="N937" s="43"/>
      <c r="O937" s="6"/>
      <c r="P937" s="6"/>
      <c r="Q937" s="6"/>
    </row>
    <row r="938" spans="1:17">
      <c r="A938" s="6"/>
      <c r="B938" s="6"/>
      <c r="C938" s="6"/>
      <c r="D938" s="6"/>
      <c r="E938" s="6"/>
      <c r="F938" s="43"/>
      <c r="G938" s="6"/>
      <c r="H938" s="43"/>
      <c r="I938" s="6"/>
      <c r="J938" s="43"/>
      <c r="K938" s="6"/>
      <c r="L938" s="43"/>
      <c r="M938" s="6"/>
      <c r="N938" s="43"/>
      <c r="O938" s="6"/>
      <c r="P938" s="6"/>
      <c r="Q938" s="6"/>
    </row>
    <row r="939" spans="1:17">
      <c r="A939" s="6"/>
      <c r="B939" s="6"/>
      <c r="C939" s="6"/>
      <c r="D939" s="6"/>
      <c r="E939" s="6"/>
      <c r="F939" s="43"/>
      <c r="G939" s="6"/>
      <c r="H939" s="43"/>
      <c r="I939" s="6"/>
      <c r="J939" s="43"/>
      <c r="K939" s="6"/>
      <c r="L939" s="43"/>
      <c r="M939" s="6"/>
      <c r="N939" s="43"/>
      <c r="O939" s="6"/>
      <c r="P939" s="6"/>
      <c r="Q939" s="6"/>
    </row>
    <row r="940" spans="1:17">
      <c r="A940" s="6"/>
      <c r="B940" s="6"/>
      <c r="C940" s="6"/>
      <c r="D940" s="6"/>
      <c r="E940" s="6"/>
      <c r="F940" s="43"/>
      <c r="G940" s="6"/>
      <c r="H940" s="43"/>
      <c r="I940" s="6"/>
      <c r="J940" s="43"/>
      <c r="K940" s="6"/>
      <c r="L940" s="43"/>
      <c r="M940" s="6"/>
      <c r="N940" s="43"/>
      <c r="O940" s="6"/>
      <c r="P940" s="6"/>
      <c r="Q940" s="6"/>
    </row>
    <row r="941" spans="1:17">
      <c r="A941" s="6"/>
      <c r="B941" s="6"/>
      <c r="C941" s="6"/>
      <c r="D941" s="6"/>
      <c r="E941" s="6"/>
      <c r="F941" s="43"/>
      <c r="G941" s="6"/>
      <c r="H941" s="43"/>
      <c r="I941" s="6"/>
      <c r="J941" s="43"/>
      <c r="K941" s="6"/>
      <c r="L941" s="43"/>
      <c r="M941" s="6"/>
      <c r="N941" s="43"/>
      <c r="O941" s="6"/>
      <c r="P941" s="6"/>
      <c r="Q941" s="6"/>
    </row>
    <row r="942" spans="1:17">
      <c r="A942" s="6"/>
      <c r="B942" s="6"/>
      <c r="C942" s="6"/>
      <c r="D942" s="6"/>
      <c r="E942" s="6"/>
      <c r="F942" s="43"/>
      <c r="G942" s="6"/>
      <c r="H942" s="43"/>
      <c r="I942" s="6"/>
      <c r="J942" s="43"/>
      <c r="K942" s="6"/>
      <c r="L942" s="43"/>
      <c r="M942" s="6"/>
      <c r="N942" s="43"/>
      <c r="O942" s="6"/>
      <c r="P942" s="6"/>
      <c r="Q942" s="6"/>
    </row>
    <row r="943" spans="1:17">
      <c r="A943" s="6"/>
      <c r="B943" s="6"/>
      <c r="C943" s="6"/>
      <c r="D943" s="6"/>
      <c r="E943" s="6"/>
      <c r="F943" s="43"/>
      <c r="G943" s="6"/>
      <c r="H943" s="43"/>
      <c r="I943" s="6"/>
      <c r="J943" s="43"/>
      <c r="K943" s="6"/>
      <c r="L943" s="43"/>
      <c r="M943" s="6"/>
      <c r="N943" s="43"/>
      <c r="O943" s="6"/>
      <c r="P943" s="6"/>
      <c r="Q943" s="6"/>
    </row>
    <row r="944" spans="1:17">
      <c r="A944" s="6"/>
      <c r="B944" s="6"/>
      <c r="C944" s="6"/>
      <c r="D944" s="6"/>
      <c r="E944" s="6"/>
      <c r="F944" s="43"/>
      <c r="G944" s="6"/>
      <c r="H944" s="43"/>
      <c r="I944" s="6"/>
      <c r="J944" s="43"/>
      <c r="K944" s="6"/>
      <c r="L944" s="43"/>
      <c r="M944" s="6"/>
      <c r="N944" s="43"/>
      <c r="O944" s="6"/>
      <c r="P944" s="6"/>
      <c r="Q944" s="6"/>
    </row>
    <row r="945" spans="1:17">
      <c r="A945" s="6"/>
      <c r="B945" s="6"/>
      <c r="C945" s="6"/>
      <c r="D945" s="6"/>
      <c r="E945" s="6"/>
      <c r="F945" s="43"/>
      <c r="G945" s="6"/>
      <c r="H945" s="43"/>
      <c r="I945" s="6"/>
      <c r="J945" s="43"/>
      <c r="K945" s="6"/>
      <c r="L945" s="43"/>
      <c r="M945" s="6"/>
      <c r="N945" s="43"/>
      <c r="O945" s="6"/>
      <c r="P945" s="6"/>
      <c r="Q945" s="6"/>
    </row>
    <row r="946" spans="1:17">
      <c r="A946" s="6"/>
      <c r="B946" s="6"/>
      <c r="C946" s="6"/>
      <c r="D946" s="6"/>
      <c r="E946" s="6"/>
      <c r="F946" s="43"/>
      <c r="G946" s="6"/>
      <c r="H946" s="43"/>
      <c r="I946" s="6"/>
      <c r="J946" s="43"/>
      <c r="K946" s="6"/>
      <c r="L946" s="43"/>
      <c r="M946" s="6"/>
      <c r="N946" s="43"/>
      <c r="O946" s="6"/>
      <c r="P946" s="6"/>
      <c r="Q946" s="6"/>
    </row>
    <row r="947" spans="1:17">
      <c r="A947" s="6"/>
      <c r="B947" s="6"/>
      <c r="C947" s="6"/>
      <c r="D947" s="6"/>
      <c r="E947" s="6"/>
      <c r="F947" s="43"/>
      <c r="G947" s="6"/>
      <c r="H947" s="43"/>
      <c r="I947" s="6"/>
      <c r="J947" s="43"/>
      <c r="K947" s="6"/>
      <c r="L947" s="43"/>
      <c r="M947" s="6"/>
      <c r="N947" s="43"/>
      <c r="O947" s="6"/>
      <c r="P947" s="6"/>
      <c r="Q947" s="6"/>
    </row>
    <row r="948" spans="1:17">
      <c r="A948" s="6"/>
      <c r="B948" s="6"/>
      <c r="C948" s="6"/>
      <c r="D948" s="6"/>
      <c r="E948" s="6"/>
      <c r="F948" s="43"/>
      <c r="G948" s="6"/>
      <c r="H948" s="43"/>
      <c r="I948" s="6"/>
      <c r="J948" s="43"/>
      <c r="K948" s="6"/>
      <c r="L948" s="43"/>
      <c r="M948" s="6"/>
      <c r="N948" s="43"/>
      <c r="O948" s="6"/>
      <c r="P948" s="6"/>
      <c r="Q948" s="6"/>
    </row>
    <row r="949" spans="1:17">
      <c r="A949" s="6"/>
      <c r="B949" s="6"/>
      <c r="C949" s="6"/>
      <c r="D949" s="6"/>
      <c r="E949" s="6"/>
      <c r="F949" s="43"/>
      <c r="G949" s="6"/>
      <c r="H949" s="43"/>
      <c r="I949" s="6"/>
      <c r="J949" s="43"/>
      <c r="K949" s="6"/>
      <c r="L949" s="43"/>
      <c r="M949" s="6"/>
      <c r="N949" s="43"/>
      <c r="O949" s="6"/>
      <c r="P949" s="6"/>
      <c r="Q949" s="6"/>
    </row>
    <row r="950" spans="1:17">
      <c r="A950" s="6"/>
      <c r="B950" s="6"/>
      <c r="C950" s="6"/>
      <c r="D950" s="6"/>
      <c r="E950" s="6"/>
      <c r="F950" s="43"/>
      <c r="G950" s="6"/>
      <c r="H950" s="43"/>
      <c r="I950" s="6"/>
      <c r="J950" s="43"/>
      <c r="K950" s="6"/>
      <c r="L950" s="43"/>
      <c r="M950" s="6"/>
      <c r="N950" s="43"/>
      <c r="O950" s="6"/>
      <c r="P950" s="6"/>
      <c r="Q950" s="6"/>
    </row>
    <row r="951" spans="1:17">
      <c r="A951" s="6"/>
      <c r="B951" s="6"/>
      <c r="C951" s="6"/>
      <c r="D951" s="6"/>
      <c r="E951" s="6"/>
      <c r="F951" s="43"/>
      <c r="G951" s="6"/>
      <c r="H951" s="43"/>
      <c r="I951" s="6"/>
      <c r="J951" s="43"/>
      <c r="K951" s="6"/>
      <c r="L951" s="43"/>
      <c r="M951" s="6"/>
      <c r="N951" s="43"/>
      <c r="O951" s="6"/>
      <c r="P951" s="6"/>
      <c r="Q951" s="6"/>
    </row>
    <row r="952" spans="1:17">
      <c r="A952" s="6"/>
      <c r="B952" s="6"/>
      <c r="C952" s="6"/>
      <c r="D952" s="6"/>
      <c r="E952" s="6"/>
      <c r="F952" s="43"/>
      <c r="G952" s="6"/>
      <c r="H952" s="43"/>
      <c r="I952" s="6"/>
      <c r="J952" s="43"/>
      <c r="K952" s="6"/>
      <c r="L952" s="43"/>
      <c r="M952" s="6"/>
      <c r="N952" s="43"/>
      <c r="O952" s="6"/>
      <c r="P952" s="6"/>
      <c r="Q952" s="6"/>
    </row>
    <row r="953" spans="1:17">
      <c r="A953" s="6"/>
      <c r="B953" s="6"/>
      <c r="C953" s="6"/>
      <c r="D953" s="6"/>
      <c r="E953" s="6"/>
      <c r="F953" s="43"/>
      <c r="G953" s="6"/>
      <c r="H953" s="43"/>
      <c r="I953" s="6"/>
      <c r="J953" s="43"/>
      <c r="K953" s="6"/>
      <c r="L953" s="43"/>
      <c r="M953" s="6"/>
      <c r="N953" s="43"/>
      <c r="O953" s="6"/>
      <c r="P953" s="6"/>
      <c r="Q953" s="6"/>
    </row>
    <row r="954" spans="1:17">
      <c r="A954" s="6"/>
      <c r="B954" s="6"/>
      <c r="C954" s="6"/>
      <c r="D954" s="6"/>
      <c r="E954" s="6"/>
      <c r="F954" s="43"/>
      <c r="G954" s="6"/>
      <c r="H954" s="43"/>
      <c r="I954" s="6"/>
      <c r="J954" s="43"/>
      <c r="K954" s="6"/>
      <c r="L954" s="43"/>
      <c r="M954" s="6"/>
      <c r="N954" s="43"/>
      <c r="O954" s="6"/>
      <c r="P954" s="6"/>
      <c r="Q954" s="6"/>
    </row>
    <row r="955" spans="1:17">
      <c r="A955" s="6"/>
      <c r="B955" s="6"/>
      <c r="C955" s="6"/>
      <c r="D955" s="6"/>
      <c r="E955" s="6"/>
      <c r="F955" s="43"/>
      <c r="G955" s="6"/>
      <c r="H955" s="43"/>
      <c r="I955" s="6"/>
      <c r="J955" s="43"/>
      <c r="K955" s="6"/>
      <c r="L955" s="43"/>
      <c r="M955" s="6"/>
      <c r="N955" s="43"/>
      <c r="O955" s="6"/>
      <c r="P955" s="6"/>
      <c r="Q955" s="6"/>
    </row>
    <row r="956" spans="1:17">
      <c r="A956" s="6"/>
      <c r="B956" s="6"/>
      <c r="C956" s="6"/>
      <c r="D956" s="6"/>
      <c r="E956" s="6"/>
      <c r="F956" s="43"/>
      <c r="G956" s="6"/>
      <c r="H956" s="43"/>
      <c r="I956" s="6"/>
      <c r="J956" s="43"/>
      <c r="K956" s="6"/>
      <c r="L956" s="43"/>
      <c r="M956" s="6"/>
      <c r="N956" s="43"/>
      <c r="O956" s="6"/>
      <c r="P956" s="6"/>
      <c r="Q956" s="6"/>
    </row>
    <row r="957" spans="1:17">
      <c r="A957" s="6"/>
      <c r="B957" s="6"/>
      <c r="C957" s="6"/>
      <c r="D957" s="6"/>
      <c r="E957" s="6"/>
      <c r="F957" s="43"/>
      <c r="G957" s="6"/>
      <c r="H957" s="43"/>
      <c r="I957" s="6"/>
      <c r="J957" s="43"/>
      <c r="K957" s="6"/>
      <c r="L957" s="43"/>
      <c r="M957" s="6"/>
      <c r="N957" s="43"/>
      <c r="O957" s="6"/>
      <c r="P957" s="6"/>
      <c r="Q957" s="6"/>
    </row>
    <row r="958" spans="1:17">
      <c r="A958" s="6"/>
      <c r="B958" s="6"/>
      <c r="C958" s="6"/>
      <c r="D958" s="6"/>
      <c r="E958" s="6"/>
      <c r="F958" s="43"/>
      <c r="G958" s="6"/>
      <c r="H958" s="43"/>
      <c r="I958" s="6"/>
      <c r="J958" s="43"/>
      <c r="K958" s="6"/>
      <c r="L958" s="43"/>
      <c r="M958" s="6"/>
      <c r="N958" s="43"/>
      <c r="O958" s="6"/>
      <c r="P958" s="6"/>
      <c r="Q958" s="6"/>
    </row>
    <row r="959" spans="1:17">
      <c r="A959" s="6"/>
      <c r="B959" s="6"/>
      <c r="C959" s="6"/>
      <c r="D959" s="6"/>
      <c r="E959" s="6"/>
      <c r="F959" s="43"/>
      <c r="G959" s="6"/>
      <c r="H959" s="43"/>
      <c r="I959" s="6"/>
      <c r="J959" s="43"/>
      <c r="K959" s="6"/>
      <c r="L959" s="43"/>
      <c r="M959" s="6"/>
      <c r="N959" s="43"/>
      <c r="O959" s="6"/>
      <c r="P959" s="6"/>
      <c r="Q959" s="6"/>
    </row>
    <row r="960" spans="1:17">
      <c r="A960" s="6"/>
      <c r="B960" s="6"/>
      <c r="C960" s="6"/>
      <c r="D960" s="6"/>
      <c r="E960" s="6"/>
      <c r="F960" s="43"/>
      <c r="G960" s="6"/>
      <c r="H960" s="43"/>
      <c r="I960" s="6"/>
      <c r="J960" s="43"/>
      <c r="K960" s="6"/>
      <c r="L960" s="43"/>
      <c r="M960" s="6"/>
      <c r="N960" s="43"/>
      <c r="O960" s="6"/>
      <c r="P960" s="6"/>
      <c r="Q960" s="6"/>
    </row>
    <row r="961" spans="1:17">
      <c r="A961" s="6"/>
      <c r="B961" s="6"/>
      <c r="C961" s="6"/>
      <c r="D961" s="6"/>
      <c r="E961" s="6"/>
      <c r="F961" s="43"/>
      <c r="G961" s="6"/>
      <c r="H961" s="43"/>
      <c r="I961" s="6"/>
      <c r="J961" s="43"/>
      <c r="K961" s="6"/>
      <c r="L961" s="43"/>
      <c r="M961" s="6"/>
      <c r="N961" s="43"/>
      <c r="O961" s="6"/>
      <c r="P961" s="6"/>
      <c r="Q961" s="6"/>
    </row>
    <row r="962" spans="1:17">
      <c r="A962" s="6"/>
      <c r="B962" s="6"/>
      <c r="C962" s="6"/>
      <c r="D962" s="6"/>
      <c r="E962" s="6"/>
      <c r="F962" s="43"/>
      <c r="G962" s="6"/>
      <c r="H962" s="43"/>
      <c r="I962" s="6"/>
      <c r="J962" s="43"/>
      <c r="K962" s="6"/>
      <c r="L962" s="43"/>
      <c r="M962" s="6"/>
      <c r="N962" s="43"/>
      <c r="O962" s="6"/>
      <c r="P962" s="6"/>
      <c r="Q962" s="6"/>
    </row>
    <row r="963" spans="1:17">
      <c r="A963" s="6"/>
      <c r="B963" s="6"/>
      <c r="C963" s="6"/>
      <c r="D963" s="6"/>
      <c r="E963" s="6"/>
      <c r="F963" s="43"/>
      <c r="G963" s="6"/>
      <c r="H963" s="43"/>
      <c r="I963" s="6"/>
      <c r="J963" s="43"/>
      <c r="K963" s="6"/>
      <c r="L963" s="43"/>
      <c r="M963" s="6"/>
      <c r="N963" s="43"/>
      <c r="O963" s="6"/>
      <c r="P963" s="6"/>
      <c r="Q963" s="6"/>
    </row>
    <row r="964" spans="1:17">
      <c r="A964" s="6"/>
      <c r="B964" s="6"/>
      <c r="C964" s="6"/>
      <c r="D964" s="6"/>
      <c r="E964" s="6"/>
      <c r="F964" s="43"/>
      <c r="G964" s="6"/>
      <c r="H964" s="43"/>
      <c r="I964" s="6"/>
      <c r="J964" s="43"/>
      <c r="K964" s="6"/>
      <c r="L964" s="43"/>
      <c r="M964" s="6"/>
      <c r="N964" s="43"/>
      <c r="O964" s="6"/>
      <c r="P964" s="6"/>
      <c r="Q964" s="6"/>
    </row>
    <row r="965" spans="1:17">
      <c r="A965" s="6"/>
      <c r="B965" s="6"/>
      <c r="C965" s="6"/>
      <c r="D965" s="6"/>
      <c r="E965" s="6"/>
      <c r="F965" s="43"/>
      <c r="G965" s="6"/>
      <c r="H965" s="43"/>
      <c r="I965" s="6"/>
      <c r="J965" s="43"/>
      <c r="K965" s="6"/>
      <c r="L965" s="43"/>
      <c r="M965" s="6"/>
      <c r="N965" s="43"/>
      <c r="O965" s="6"/>
      <c r="P965" s="6"/>
      <c r="Q965" s="6"/>
    </row>
    <row r="966" spans="1:17">
      <c r="A966" s="6"/>
      <c r="B966" s="6"/>
      <c r="C966" s="6"/>
      <c r="D966" s="6"/>
      <c r="E966" s="6"/>
      <c r="F966" s="43"/>
      <c r="G966" s="6"/>
      <c r="H966" s="43"/>
      <c r="I966" s="6"/>
      <c r="J966" s="43"/>
      <c r="K966" s="6"/>
      <c r="L966" s="43"/>
      <c r="M966" s="6"/>
      <c r="N966" s="43"/>
      <c r="O966" s="6"/>
      <c r="P966" s="6"/>
      <c r="Q966" s="6"/>
    </row>
    <row r="967" spans="1:17">
      <c r="A967" s="6"/>
      <c r="B967" s="6"/>
      <c r="C967" s="6"/>
      <c r="D967" s="6"/>
      <c r="E967" s="6"/>
      <c r="F967" s="43"/>
      <c r="G967" s="6"/>
      <c r="H967" s="43"/>
      <c r="I967" s="6"/>
      <c r="J967" s="43"/>
      <c r="K967" s="6"/>
      <c r="L967" s="43"/>
      <c r="M967" s="6"/>
      <c r="N967" s="43"/>
      <c r="O967" s="6"/>
      <c r="P967" s="6"/>
      <c r="Q967" s="6"/>
    </row>
    <row r="968" spans="1:17">
      <c r="A968" s="6"/>
      <c r="B968" s="6"/>
      <c r="C968" s="6"/>
      <c r="D968" s="6"/>
      <c r="E968" s="6"/>
      <c r="F968" s="43"/>
      <c r="G968" s="6"/>
      <c r="H968" s="43"/>
      <c r="I968" s="6"/>
      <c r="J968" s="43"/>
      <c r="K968" s="6"/>
      <c r="L968" s="43"/>
      <c r="M968" s="6"/>
      <c r="N968" s="43"/>
      <c r="O968" s="6"/>
      <c r="P968" s="6"/>
      <c r="Q968" s="6"/>
    </row>
    <row r="969" spans="1:17">
      <c r="A969" s="6"/>
      <c r="B969" s="6"/>
      <c r="C969" s="6"/>
      <c r="D969" s="6"/>
      <c r="E969" s="6"/>
      <c r="F969" s="43"/>
      <c r="G969" s="6"/>
      <c r="H969" s="43"/>
      <c r="I969" s="6"/>
      <c r="J969" s="43"/>
      <c r="K969" s="6"/>
      <c r="L969" s="43"/>
      <c r="M969" s="6"/>
      <c r="N969" s="43"/>
      <c r="O969" s="6"/>
      <c r="P969" s="6"/>
      <c r="Q969" s="6"/>
    </row>
    <row r="970" spans="1:17">
      <c r="A970" s="6"/>
      <c r="B970" s="6"/>
      <c r="C970" s="6"/>
      <c r="D970" s="6"/>
      <c r="E970" s="6"/>
      <c r="F970" s="43"/>
      <c r="G970" s="6"/>
      <c r="H970" s="43"/>
      <c r="I970" s="6"/>
      <c r="J970" s="43"/>
      <c r="K970" s="6"/>
      <c r="L970" s="43"/>
      <c r="M970" s="6"/>
      <c r="N970" s="43"/>
      <c r="O970" s="6"/>
      <c r="P970" s="6"/>
      <c r="Q970" s="6"/>
    </row>
    <row r="971" spans="1:17">
      <c r="A971" s="6"/>
      <c r="B971" s="6"/>
      <c r="C971" s="6"/>
      <c r="D971" s="6"/>
      <c r="E971" s="6"/>
      <c r="F971" s="43"/>
      <c r="G971" s="6"/>
      <c r="H971" s="43"/>
      <c r="I971" s="6"/>
      <c r="J971" s="43"/>
      <c r="K971" s="6"/>
      <c r="L971" s="43"/>
      <c r="M971" s="6"/>
      <c r="N971" s="43"/>
      <c r="O971" s="6"/>
      <c r="P971" s="6"/>
      <c r="Q971" s="6"/>
    </row>
  </sheetData>
  <mergeCells count="24">
    <mergeCell ref="A167:M167"/>
    <mergeCell ref="G203:J203"/>
    <mergeCell ref="G202:J202"/>
    <mergeCell ref="A89:M89"/>
    <mergeCell ref="A90:M90"/>
    <mergeCell ref="A165:M165"/>
    <mergeCell ref="A166:M166"/>
    <mergeCell ref="A350:M350"/>
    <mergeCell ref="A349:M349"/>
    <mergeCell ref="A348:M348"/>
    <mergeCell ref="A306:N306"/>
    <mergeCell ref="A230:M230"/>
    <mergeCell ref="A305:M305"/>
    <mergeCell ref="A231:N231"/>
    <mergeCell ref="A304:M304"/>
    <mergeCell ref="A525:M525"/>
    <mergeCell ref="A607:M607"/>
    <mergeCell ref="A605:M605"/>
    <mergeCell ref="A606:M606"/>
    <mergeCell ref="A439:M439"/>
    <mergeCell ref="A440:M440"/>
    <mergeCell ref="A441:M441"/>
    <mergeCell ref="A523:M523"/>
    <mergeCell ref="A524:M524"/>
  </mergeCells>
  <phoneticPr fontId="12" type="noConversion"/>
  <printOptions horizontalCentered="1"/>
  <pageMargins left="0.7" right="0.7" top="0.75" bottom="0.75" header="0.3" footer="0.3"/>
  <pageSetup scale="56" fitToHeight="0" orientation="portrait" horizontalDpi="1200" verticalDpi="1200" r:id="rId1"/>
  <headerFooter alignWithMargins="0">
    <oddHeader>&amp;R&amp;10Filed: 2024-02-16
EB-2022-0200
Rate Order
Appendix A
Page &amp;P of &amp;N</oddHeader>
  </headerFooter>
  <rowBreaks count="8" manualBreakCount="8">
    <brk id="83" max="13" man="1"/>
    <brk id="160" max="15" man="1"/>
    <brk id="200" max="15" man="1"/>
    <brk id="299" max="15" man="1"/>
    <brk id="343" max="15" man="1"/>
    <brk id="433" max="15" man="1"/>
    <brk id="518" max="15" man="1"/>
    <brk id="600" max="15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bc9be6ef-036f-4d38-ab45-2a4da0c93cb0">C6U45NHNYSXQ-170716136-233</_dlc_DocId>
    <_ip_UnifiedCompliancePolicyUIAction xmlns="http://schemas.microsoft.com/sharepoint/v3" xsi:nil="true"/>
    <_dlc_DocIdUrl xmlns="bc9be6ef-036f-4d38-ab45-2a4da0c93cb0">
      <Url>https://enbridge.sharepoint.com/teams/EB-2022-02002024Rebasing/_layouts/15/DocIdRedir.aspx?ID=C6U45NHNYSXQ-170716136-233</Url>
      <Description>C6U45NHNYSXQ-170716136-233</Description>
    </_dlc_DocIdUrl>
    <_ip_UnifiedCompliancePolicyProperties xmlns="http://schemas.microsoft.com/sharepoint/v3" xsi:nil="true"/>
  </documentManagement>
</p:properti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3BCE4D423B1DE4CB1730F6A38FCA8AB" ma:contentTypeVersion="8" ma:contentTypeDescription="Create a new document." ma:contentTypeScope="" ma:versionID="bff721e5b0ca07b4aef3a7f1fc1b1f90">
  <xsd:schema xmlns:xsd="http://www.w3.org/2001/XMLSchema" xmlns:xs="http://www.w3.org/2001/XMLSchema" xmlns:p="http://schemas.microsoft.com/office/2006/metadata/properties" xmlns:ns1="http://schemas.microsoft.com/sharepoint/v3" xmlns:ns2="bc9be6ef-036f-4d38-ab45-2a4da0c93cb0" xmlns:ns3="2b327a5e-a9b9-42ef-8f0e-d75e289b8b9c" targetNamespace="http://schemas.microsoft.com/office/2006/metadata/properties" ma:root="true" ma:fieldsID="643f24c61bc7d1ee9054c428dab75c76" ns1:_="" ns2:_="" ns3:_="">
    <xsd:import namespace="http://schemas.microsoft.com/sharepoint/v3"/>
    <xsd:import namespace="bc9be6ef-036f-4d38-ab45-2a4da0c93cb0"/>
    <xsd:import namespace="2b327a5e-a9b9-42ef-8f0e-d75e289b8b9c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  <xsd:element ref="ns3:MediaServiceMetadata" minOccurs="0"/>
                <xsd:element ref="ns3:MediaServiceFastMetadata" minOccurs="0"/>
                <xsd:element ref="ns3:MediaServiceObjectDetectorVersions" minOccurs="0"/>
                <xsd:element ref="ns2:SharedWithUsers" minOccurs="0"/>
                <xsd:element ref="ns2:SharedWithDetails" minOccurs="0"/>
                <xsd:element ref="ns3:MediaServiceSearchPropertie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17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18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c9be6ef-036f-4d38-ab45-2a4da0c93cb0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dexed="true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b327a5e-a9b9-42ef-8f0e-d75e289b8b9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6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AD44887C-CCEB-4D80-906C-42011D64B84E}">
  <ds:schemaRefs>
    <ds:schemaRef ds:uri="http://schemas.microsoft.com/sharepoint/events"/>
  </ds:schemaRefs>
</ds:datastoreItem>
</file>

<file path=customXml/itemProps2.xml><?xml version="1.0" encoding="utf-8"?>
<ds:datastoreItem xmlns:ds="http://schemas.openxmlformats.org/officeDocument/2006/customXml" ds:itemID="{EFA88F74-95C6-476B-B44C-483BAD375FE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7F06109-121B-439B-99C9-6CC76695479E}">
  <ds:schemaRefs>
    <ds:schemaRef ds:uri="http://schemas.microsoft.com/sharepoint/v3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http://schemas.microsoft.com/office/infopath/2007/PartnerControls"/>
    <ds:schemaRef ds:uri="2b327a5e-a9b9-42ef-8f0e-d75e289b8b9c"/>
    <ds:schemaRef ds:uri="http://schemas.microsoft.com/office/2006/metadata/properties"/>
    <ds:schemaRef ds:uri="http://purl.org/dc/terms/"/>
    <ds:schemaRef ds:uri="bc9be6ef-036f-4d38-ab45-2a4da0c93cb0"/>
    <ds:schemaRef ds:uri="http://www.w3.org/XML/1998/namespace"/>
    <ds:schemaRef ds:uri="http://purl.org/dc/dcmitype/"/>
  </ds:schemaRefs>
</ds:datastoreItem>
</file>

<file path=customXml/itemProps4.xml><?xml version="1.0" encoding="utf-8"?>
<ds:datastoreItem xmlns:ds="http://schemas.openxmlformats.org/officeDocument/2006/customXml" ds:itemID="{98D35408-6EBD-4EC7-8EA0-481792C5E7E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bc9be6ef-036f-4d38-ab45-2a4da0c93cb0"/>
    <ds:schemaRef ds:uri="2b327a5e-a9b9-42ef-8f0e-d75e289b8b9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Appendix A</vt:lpstr>
      <vt:lpstr>'Appendix A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ane Pinsonneault</dc:creator>
  <cp:keywords/>
  <dc:description/>
  <cp:lastModifiedBy>Angela Monforton</cp:lastModifiedBy>
  <cp:revision/>
  <dcterms:created xsi:type="dcterms:W3CDTF">2024-01-09T20:52:20Z</dcterms:created>
  <dcterms:modified xsi:type="dcterms:W3CDTF">2024-03-15T16:02:5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1a6f161-e42b-4c47-8f69-f6a81e023e2d_Enabled">
    <vt:lpwstr>true</vt:lpwstr>
  </property>
  <property fmtid="{D5CDD505-2E9C-101B-9397-08002B2CF9AE}" pid="3" name="MSIP_Label_b1a6f161-e42b-4c47-8f69-f6a81e023e2d_SetDate">
    <vt:lpwstr>2024-01-09T21:37:13Z</vt:lpwstr>
  </property>
  <property fmtid="{D5CDD505-2E9C-101B-9397-08002B2CF9AE}" pid="4" name="MSIP_Label_b1a6f161-e42b-4c47-8f69-f6a81e023e2d_Method">
    <vt:lpwstr>Standard</vt:lpwstr>
  </property>
  <property fmtid="{D5CDD505-2E9C-101B-9397-08002B2CF9AE}" pid="5" name="MSIP_Label_b1a6f161-e42b-4c47-8f69-f6a81e023e2d_Name">
    <vt:lpwstr>b1a6f161-e42b-4c47-8f69-f6a81e023e2d</vt:lpwstr>
  </property>
  <property fmtid="{D5CDD505-2E9C-101B-9397-08002B2CF9AE}" pid="6" name="MSIP_Label_b1a6f161-e42b-4c47-8f69-f6a81e023e2d_SiteId">
    <vt:lpwstr>271df5c2-953a-497b-93ad-7adf7a4b3cd7</vt:lpwstr>
  </property>
  <property fmtid="{D5CDD505-2E9C-101B-9397-08002B2CF9AE}" pid="7" name="MSIP_Label_b1a6f161-e42b-4c47-8f69-f6a81e023e2d_ActionId">
    <vt:lpwstr>56b73bcc-b60c-4561-bb07-836763ca33e8</vt:lpwstr>
  </property>
  <property fmtid="{D5CDD505-2E9C-101B-9397-08002B2CF9AE}" pid="8" name="MSIP_Label_b1a6f161-e42b-4c47-8f69-f6a81e023e2d_ContentBits">
    <vt:lpwstr>0</vt:lpwstr>
  </property>
  <property fmtid="{D5CDD505-2E9C-101B-9397-08002B2CF9AE}" pid="9" name="ContentTypeId">
    <vt:lpwstr>0x01010023BCE4D423B1DE4CB1730F6A38FCA8AB</vt:lpwstr>
  </property>
  <property fmtid="{D5CDD505-2E9C-101B-9397-08002B2CF9AE}" pid="10" name="_dlc_DocIdItemGuid">
    <vt:lpwstr>8dcf6bc2-6956-4458-ba90-494ffb42b8ae</vt:lpwstr>
  </property>
</Properties>
</file>